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29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3E10443-C33D-9749-B4C3-B88F0DD43E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2B7E345D-A235-198A-29E1-7CCEF8FBCBF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4108AAD-C011-6DEA-2460-883B22FB0C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32698F5-C209-4479-5C07-2A94D27EB2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13B8EAC-9505-AE04-7CEE-9BD5669F43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89699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E32EB1B-1089-6870-D036-8D9FF45134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A7DBD92D-DCCF-0776-3842-E4C1484BA3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44D9428-63A1-894E-8BFB-85AEF46AE7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78ADF010-B67B-D77F-C6D0-1787228FE3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AFC294A-3168-D9FF-152A-C8230F451A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2543545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D5CC2D7E-E0E9-EA0E-7FC8-67D3D4EDBC4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97691616-656D-D9C7-4221-6568FFC2A33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ACAD22A-E6B5-BFA2-6853-7A203124E6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94759A9-346F-481C-B5D2-3BCE4F1F37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9D93ACF-4DE8-EBA4-9A7E-B10FED3AF8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360953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D197451-EF57-9491-E6F3-1753EF0C32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1D75EB55-DEF4-83F1-4C11-DFCCA9EC8D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92B92E4-89BA-86B8-3612-A726745958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B2101CF-1D8D-C29D-8F01-294D27B7E9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9C7444F-A8A8-9141-7A62-773C91246E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074012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249C17C-38C6-F2CD-9DA3-948DC3A126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B1ABC96-0A66-BD19-49D1-984EA643FA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D86A88B-05BB-27B8-CCA5-6B6918642F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2FF25C3-5C7E-1186-A87A-39A2CC5912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CDAF152-95E8-1A8E-14DE-B42D458DA7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53894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7989A94-122F-DA42-BEFE-9F9DFFFD4B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D9C2D970-B96B-4C93-DC67-3A013A1AC1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A2A8AC0B-C547-B7DA-1ABA-4F4658D776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A1697AF-A340-0A77-CE48-65B6F79407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27180840-F1C7-22E6-F884-98AB68DF39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E8E1067-0239-9046-7E56-5E2622DC3E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625755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D191E9E-B1CA-54D7-48F6-5F26ED2C04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972C258-1ED5-65CD-499C-0D34688433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5B8A5B73-A91F-7679-FABD-A84C49A263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2D8FB0E5-8469-FBDF-51D9-52D4CD13123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2BF00D71-D9B0-C6FE-FDBA-C56D5897D36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4590F1D4-23BB-3701-5D56-EF8FF39AF8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C5CBD86B-69E2-D19B-F439-B628FF1115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37FA081-8C0F-73F3-35B1-97FD5CE319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092019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F799525-6C7D-099E-7D2D-435401EAD5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27803828-90C8-3D17-95A5-B0687F7C17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858B1779-B560-FD06-D141-2B1C2790C7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F1695803-EA71-637F-AF73-A90DA7F658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026570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5BB40C3C-82A2-768D-FC68-32F6C138A3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D90A6FB9-EAF4-3639-4C98-FF9AC70E1E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0FF714EE-136A-088B-9636-A342CF34E9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254623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D111380-1829-C154-6E5C-1A8A001BF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6B195963-7576-63D2-AFD1-B6A2661785F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8B6D5D8D-848C-7CB4-F2D3-B159CF87EAB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CBCA718-6971-D3B5-B6BE-D3F22F13C8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1AC95C3F-8296-C313-087F-9F9B070BDF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D96A783B-0495-E44B-31B0-06FC926E58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73560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AD9F8D7-7484-EAA2-123A-BEB076C48A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9F3887B6-A153-8461-B5CE-38C968E7F46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DA87905B-FB91-248F-3FC0-F2CE9A7916F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3A8A3E30-8DDB-523A-0C40-BDB0F36915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6F48B62-81C3-A242-8DAE-7668962C53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4FE64C16-1506-82A0-49EF-6B5816B08F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96460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CED60616-409E-A414-78D2-D7C3423447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AF45773-000B-2DC7-5590-78403889496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AC401A6-E071-CA83-9999-67307FBFE4B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4A91AF8-C5BF-42F0-8455-80B3E9B3CB51}" type="datetimeFigureOut">
              <a:rPr lang="fr-FR" smtClean="0"/>
              <a:t>07/10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6AC59C5-B99F-35E3-8676-1328AC3740D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2CC94C3-8DEC-9EA4-AC33-DDCF68CCEC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E7858231-2F4E-4090-8577-2F7F29CD01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30309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cc64bb6096e443cdafc938c76c3040ca_BackgroundRectangle">
            <a:extLst>
              <a:ext uri="{FF2B5EF4-FFF2-40B4-BE49-F238E27FC236}">
                <a16:creationId xmlns:a16="http://schemas.microsoft.com/office/drawing/2014/main" id="{B93CE8AC-054F-D50A-7973-6768E6E13AE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290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" name="OTLSHAPE_SL_eed20fe7fd2e456c8b9b405ac87ed29a_BackgroundRectangle">
            <a:extLst>
              <a:ext uri="{FF2B5EF4-FFF2-40B4-BE49-F238E27FC236}">
                <a16:creationId xmlns:a16="http://schemas.microsoft.com/office/drawing/2014/main" id="{142B83C4-32BA-465F-A271-12F0119FE7A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08656"/>
            <a:ext cx="11290300" cy="1251712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OTLSHAPE_SL_8630ee46d8b740e598bd4d594507dcc6_BackgroundRectangle">
            <a:extLst>
              <a:ext uri="{FF2B5EF4-FFF2-40B4-BE49-F238E27FC236}">
                <a16:creationId xmlns:a16="http://schemas.microsoft.com/office/drawing/2014/main" id="{81CF26B1-FC6A-E03C-6F1B-918671BEA46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98468"/>
            <a:ext cx="11290300" cy="1707049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2" name="OTLSHAPE_SL2A_8693368f51f945cea0d679fa62b55355_BackgroundRectangle" hidden="1">
            <a:extLst>
              <a:ext uri="{FF2B5EF4-FFF2-40B4-BE49-F238E27FC236}">
                <a16:creationId xmlns:a16="http://schemas.microsoft.com/office/drawing/2014/main" id="{2E019CEC-2424-7163-6D7A-1A4F150A326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SL2A_400c65aca57b49e19bb4cde594e3abb1_BackgroundRectangle" hidden="1">
            <a:extLst>
              <a:ext uri="{FF2B5EF4-FFF2-40B4-BE49-F238E27FC236}">
                <a16:creationId xmlns:a16="http://schemas.microsoft.com/office/drawing/2014/main" id="{631548CC-293C-6BEC-39E1-381FFD35AE8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2708656"/>
            <a:ext cx="10388600" cy="1251712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SL2A_8be08dd36b2f4fb0b40c3e8e73ab6afb_BackgroundRectangle" hidden="1">
            <a:extLst>
              <a:ext uri="{FF2B5EF4-FFF2-40B4-BE49-F238E27FC236}">
                <a16:creationId xmlns:a16="http://schemas.microsoft.com/office/drawing/2014/main" id="{48FA2A37-4920-9E8E-4063-EC49364663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3998468"/>
            <a:ext cx="10388600" cy="1707049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BE992BE-8DBA-1DC5-D699-C059E532705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0329830-66F0-6BA5-9062-D6039E7CDDF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D9518CF-3939-CC47-9780-6910EABCE1E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200" y="1714500"/>
            <a:ext cx="10261600" cy="254000"/>
          </a:xfrm>
          <a:prstGeom prst="roundRect">
            <a:avLst/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cc64bb6096e443cdafc938c76c3040ca_HeaderRectangle">
            <a:extLst>
              <a:ext uri="{FF2B5EF4-FFF2-40B4-BE49-F238E27FC236}">
                <a16:creationId xmlns:a16="http://schemas.microsoft.com/office/drawing/2014/main" id="{2CB48657-0A0B-8397-6482-AC707FB5B82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006600"/>
            <a:ext cx="901700" cy="663956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eed20fe7fd2e456c8b9b405ac87ed29a_HeaderRectangle">
            <a:extLst>
              <a:ext uri="{FF2B5EF4-FFF2-40B4-BE49-F238E27FC236}">
                <a16:creationId xmlns:a16="http://schemas.microsoft.com/office/drawing/2014/main" id="{075A28D7-94E0-B608-E677-73E9050F684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708656"/>
            <a:ext cx="901700" cy="1251712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8630ee46d8b740e598bd4d594507dcc6_HeaderRectangle">
            <a:extLst>
              <a:ext uri="{FF2B5EF4-FFF2-40B4-BE49-F238E27FC236}">
                <a16:creationId xmlns:a16="http://schemas.microsoft.com/office/drawing/2014/main" id="{FDB54F61-4759-F8F6-CF0C-00480507DBE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998468"/>
            <a:ext cx="901700" cy="1707049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OTLSHAPE_SL2A_8693368f51f945cea0d679fa62b55355_HeaderRectangle" hidden="1">
            <a:extLst>
              <a:ext uri="{FF2B5EF4-FFF2-40B4-BE49-F238E27FC236}">
                <a16:creationId xmlns:a16="http://schemas.microsoft.com/office/drawing/2014/main" id="{432D6120-3AAA-F927-D5F1-C38D0C98AB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65200" y="200660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SL2A_400c65aca57b49e19bb4cde594e3abb1_HeaderRectangle" hidden="1">
            <a:extLst>
              <a:ext uri="{FF2B5EF4-FFF2-40B4-BE49-F238E27FC236}">
                <a16:creationId xmlns:a16="http://schemas.microsoft.com/office/drawing/2014/main" id="{45816312-D361-EB13-4CFC-784D8D09C45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65200" y="270865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" name="OTLSHAPE_SL2A_8be08dd36b2f4fb0b40c3e8e73ab6afb_HeaderRectangle" hidden="1">
            <a:extLst>
              <a:ext uri="{FF2B5EF4-FFF2-40B4-BE49-F238E27FC236}">
                <a16:creationId xmlns:a16="http://schemas.microsoft.com/office/drawing/2014/main" id="{3044DC33-E61B-0720-BED1-33BC976CCF2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3998468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6" name="OTLSHAPE_G_00000000000000000000000000000000_ShapeBelow0">
            <a:extLst>
              <a:ext uri="{FF2B5EF4-FFF2-40B4-BE49-F238E27FC236}">
                <a16:creationId xmlns:a16="http://schemas.microsoft.com/office/drawing/2014/main" id="{55792AD4-2687-070F-8A97-37413AE613C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143264" y="1968500"/>
            <a:ext cx="0" cy="37370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1">
            <a:extLst>
              <a:ext uri="{FF2B5EF4-FFF2-40B4-BE49-F238E27FC236}">
                <a16:creationId xmlns:a16="http://schemas.microsoft.com/office/drawing/2014/main" id="{1A64A71E-C2EA-8734-F69E-BB7196A5371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194332" y="1968500"/>
            <a:ext cx="0" cy="37370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2">
            <a:extLst>
              <a:ext uri="{FF2B5EF4-FFF2-40B4-BE49-F238E27FC236}">
                <a16:creationId xmlns:a16="http://schemas.microsoft.com/office/drawing/2014/main" id="{0016E28D-20AB-AB99-B2E5-BBF580A0D72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245400" y="1968500"/>
            <a:ext cx="0" cy="37370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3">
            <a:extLst>
              <a:ext uri="{FF2B5EF4-FFF2-40B4-BE49-F238E27FC236}">
                <a16:creationId xmlns:a16="http://schemas.microsoft.com/office/drawing/2014/main" id="{D0B31737-DAD2-DE95-4F8D-0959CEAA856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296467" y="1968500"/>
            <a:ext cx="0" cy="37370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" name="OTLSHAPE_SLT_c2b391997d6849bc8f23048c0b73856d_Shape">
            <a:extLst>
              <a:ext uri="{FF2B5EF4-FFF2-40B4-BE49-F238E27FC236}">
                <a16:creationId xmlns:a16="http://schemas.microsoft.com/office/drawing/2014/main" id="{034C0CBF-0BFB-4D01-4EB2-653AE989B3E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971229" y="2066459"/>
            <a:ext cx="2349500" cy="127000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SLT_61c8249061d8449a8da2b3b28c9e04d2_Shape">
            <a:extLst>
              <a:ext uri="{FF2B5EF4-FFF2-40B4-BE49-F238E27FC236}">
                <a16:creationId xmlns:a16="http://schemas.microsoft.com/office/drawing/2014/main" id="{4762CD16-D522-FB5C-FF53-FFFA0EF29A2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022297" y="2275078"/>
            <a:ext cx="23495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SLT_937add580f3a49a6a8d3c7fb30a5d4f2_Shape">
            <a:extLst>
              <a:ext uri="{FF2B5EF4-FFF2-40B4-BE49-F238E27FC236}">
                <a16:creationId xmlns:a16="http://schemas.microsoft.com/office/drawing/2014/main" id="{1E0E08EB-496F-9C0F-008C-8E5AC44E4C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073364" y="2483697"/>
            <a:ext cx="596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0" name="OTLSHAPE_SLT_eefcefbf6a8648ac934f6fa2ab15c1c5_Shape">
            <a:extLst>
              <a:ext uri="{FF2B5EF4-FFF2-40B4-BE49-F238E27FC236}">
                <a16:creationId xmlns:a16="http://schemas.microsoft.com/office/drawing/2014/main" id="{DBA91868-0675-F1CF-BAF2-EB746386537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194335" y="2768515"/>
            <a:ext cx="14732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8" name="OTLSHAPE_SLT_28c01d1ea07645d59898a4fd3431418c_Shape">
            <a:extLst>
              <a:ext uri="{FF2B5EF4-FFF2-40B4-BE49-F238E27FC236}">
                <a16:creationId xmlns:a16="http://schemas.microsoft.com/office/drawing/2014/main" id="{3BEB6B60-DA8F-E7EF-101C-9E238A755BC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780355" y="2977134"/>
            <a:ext cx="20574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6" name="OTLSHAPE_SLT_c3c7974587064d58b07b559a013c6498_Shape">
            <a:extLst>
              <a:ext uri="{FF2B5EF4-FFF2-40B4-BE49-F238E27FC236}">
                <a16:creationId xmlns:a16="http://schemas.microsoft.com/office/drawing/2014/main" id="{924AC0CD-FCCF-9488-76E0-1D78E0A4E58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66374" y="3185753"/>
            <a:ext cx="20574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OTLSHAPE_SLT_96663400c98b4e169b04c6524a965266_Shape">
            <a:extLst>
              <a:ext uri="{FF2B5EF4-FFF2-40B4-BE49-F238E27FC236}">
                <a16:creationId xmlns:a16="http://schemas.microsoft.com/office/drawing/2014/main" id="{2AFE9981-F6DC-C669-7113-3ECC0962C86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66374" y="3394371"/>
            <a:ext cx="35179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SLT_7908cc10e70145a188cadf10bee14028_Shape">
            <a:extLst>
              <a:ext uri="{FF2B5EF4-FFF2-40B4-BE49-F238E27FC236}">
                <a16:creationId xmlns:a16="http://schemas.microsoft.com/office/drawing/2014/main" id="{CAB67492-A022-381C-1F24-771A7D5F4AC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589480" y="3688249"/>
            <a:ext cx="17653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" name="OTLSHAPE_SLT_6cc8445fef7345e69492f6a4afa16686_Shape">
            <a:extLst>
              <a:ext uri="{FF2B5EF4-FFF2-40B4-BE49-F238E27FC236}">
                <a16:creationId xmlns:a16="http://schemas.microsoft.com/office/drawing/2014/main" id="{E09D95E4-31BF-1194-37DA-36C4ED84003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245403" y="4058327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" name="OTLSHAPE_SLT_bdb4dfac2129411e836db6b8bcd6ebe3_Shape">
            <a:extLst>
              <a:ext uri="{FF2B5EF4-FFF2-40B4-BE49-F238E27FC236}">
                <a16:creationId xmlns:a16="http://schemas.microsoft.com/office/drawing/2014/main" id="{F5A1CEF2-7A08-4E32-95A4-3948D1EB4BF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245403" y="4266946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9" name="OTLSHAPE_SLT_16b25ae7101c4ea8af3af31a77343b53_Shape">
            <a:extLst>
              <a:ext uri="{FF2B5EF4-FFF2-40B4-BE49-F238E27FC236}">
                <a16:creationId xmlns:a16="http://schemas.microsoft.com/office/drawing/2014/main" id="{BB2F264D-F5DB-A4EF-EB4E-D72863A2741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245403" y="4475565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7" name="OTLSHAPE_SLT_530db7f3524842b1832c7280da3264ef_Shape">
            <a:extLst>
              <a:ext uri="{FF2B5EF4-FFF2-40B4-BE49-F238E27FC236}">
                <a16:creationId xmlns:a16="http://schemas.microsoft.com/office/drawing/2014/main" id="{97B40F42-4A71-23F9-1D87-75B3258C45C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245403" y="4684183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5" name="OTLSHAPE_SLT_b763bba544f147c4bb55c79301719886_Shape">
            <a:extLst>
              <a:ext uri="{FF2B5EF4-FFF2-40B4-BE49-F238E27FC236}">
                <a16:creationId xmlns:a16="http://schemas.microsoft.com/office/drawing/2014/main" id="{318ED76C-759E-D1BD-AB8C-2A363DF7610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245403" y="4892802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3" name="OTLSHAPE_SLT_f981d2cc366545bb808b5e5a07e91972_Shape">
            <a:extLst>
              <a:ext uri="{FF2B5EF4-FFF2-40B4-BE49-F238E27FC236}">
                <a16:creationId xmlns:a16="http://schemas.microsoft.com/office/drawing/2014/main" id="{1DF169C2-2DA4-158E-4A70-07B42B132D5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245403" y="5101421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1" name="OTLSHAPE_SLT_45a15bf702d64804b6edd6e46b1b2d37_Shape">
            <a:extLst>
              <a:ext uri="{FF2B5EF4-FFF2-40B4-BE49-F238E27FC236}">
                <a16:creationId xmlns:a16="http://schemas.microsoft.com/office/drawing/2014/main" id="{10184FA7-C8C5-9B10-1991-50734F16F59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245403" y="5310039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9" name="OTLSHAPE_SLT_52bd7c6932a241aa9fe3d5cca2783ed2_Shape">
            <a:extLst>
              <a:ext uri="{FF2B5EF4-FFF2-40B4-BE49-F238E27FC236}">
                <a16:creationId xmlns:a16="http://schemas.microsoft.com/office/drawing/2014/main" id="{316FB839-B65A-5446-174F-DC6703751A8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245403" y="5518658"/>
            <a:ext cx="304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E13397A-10AB-A379-FCA9-531E3A2154F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92200" y="1714500"/>
            <a:ext cx="62865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OTLSHAPE_SLT_c2b391997d6849bc8f23048c0b73856d_ShapePercentage" hidden="1">
            <a:extLst>
              <a:ext uri="{FF2B5EF4-FFF2-40B4-BE49-F238E27FC236}">
                <a16:creationId xmlns:a16="http://schemas.microsoft.com/office/drawing/2014/main" id="{A8F49FC3-303D-AA9E-3C06-D0D8EBF34D7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971229" y="2066459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2" name="OTLSHAPE_SLT_61c8249061d8449a8da2b3b28c9e04d2_ShapePercentage" hidden="1">
            <a:extLst>
              <a:ext uri="{FF2B5EF4-FFF2-40B4-BE49-F238E27FC236}">
                <a16:creationId xmlns:a16="http://schemas.microsoft.com/office/drawing/2014/main" id="{7581035B-6628-9616-D0DA-B697A0BE6BB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022297" y="227507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SLT_937add580f3a49a6a8d3c7fb30a5d4f2_ShapePercentage" hidden="1">
            <a:extLst>
              <a:ext uri="{FF2B5EF4-FFF2-40B4-BE49-F238E27FC236}">
                <a16:creationId xmlns:a16="http://schemas.microsoft.com/office/drawing/2014/main" id="{7F98BEF6-D495-F6BF-8DB3-CC4DDF16442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073364" y="248369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1" name="OTLSHAPE_SLT_eefcefbf6a8648ac934f6fa2ab15c1c5_ShapePercentage" hidden="1">
            <a:extLst>
              <a:ext uri="{FF2B5EF4-FFF2-40B4-BE49-F238E27FC236}">
                <a16:creationId xmlns:a16="http://schemas.microsoft.com/office/drawing/2014/main" id="{52640DDA-44E1-C55D-BEB9-E3385CE7FBD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94335" y="276851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9" name="OTLSHAPE_SLT_28c01d1ea07645d59898a4fd3431418c_ShapePercentage" hidden="1">
            <a:extLst>
              <a:ext uri="{FF2B5EF4-FFF2-40B4-BE49-F238E27FC236}">
                <a16:creationId xmlns:a16="http://schemas.microsoft.com/office/drawing/2014/main" id="{3F01A3BF-E9BF-E17D-B73F-1F484D97D72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780355" y="297713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7" name="OTLSHAPE_SLT_c3c7974587064d58b07b559a013c6498_ShapePercentage" hidden="1">
            <a:extLst>
              <a:ext uri="{FF2B5EF4-FFF2-40B4-BE49-F238E27FC236}">
                <a16:creationId xmlns:a16="http://schemas.microsoft.com/office/drawing/2014/main" id="{F96CE846-4C37-2648-C31C-9B030AC27D1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66374" y="318575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5" name="OTLSHAPE_SLT_96663400c98b4e169b04c6524a965266_ShapePercentage" hidden="1">
            <a:extLst>
              <a:ext uri="{FF2B5EF4-FFF2-40B4-BE49-F238E27FC236}">
                <a16:creationId xmlns:a16="http://schemas.microsoft.com/office/drawing/2014/main" id="{58DCA330-D5FD-995E-3D45-0E6A6D83E55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66374" y="339437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SLT_7908cc10e70145a188cadf10bee14028_ShapePercentage" hidden="1">
            <a:extLst>
              <a:ext uri="{FF2B5EF4-FFF2-40B4-BE49-F238E27FC236}">
                <a16:creationId xmlns:a16="http://schemas.microsoft.com/office/drawing/2014/main" id="{11A5B7BC-AD26-1F24-2168-C7AA89D539F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589480" y="368824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" name="OTLSHAPE_SLT_6cc8445fef7345e69492f6a4afa16686_ShapePercentage" hidden="1">
            <a:extLst>
              <a:ext uri="{FF2B5EF4-FFF2-40B4-BE49-F238E27FC236}">
                <a16:creationId xmlns:a16="http://schemas.microsoft.com/office/drawing/2014/main" id="{5229D388-6E8E-B6EB-140F-2BB53D60695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245403" y="405832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2" name="OTLSHAPE_SLT_bdb4dfac2129411e836db6b8bcd6ebe3_ShapePercentage" hidden="1">
            <a:extLst>
              <a:ext uri="{FF2B5EF4-FFF2-40B4-BE49-F238E27FC236}">
                <a16:creationId xmlns:a16="http://schemas.microsoft.com/office/drawing/2014/main" id="{656EE1D6-8EEF-A62B-56E4-178C8523BBB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245403" y="4266946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SLT_16b25ae7101c4ea8af3af31a77343b53_ShapePercentage" hidden="1">
            <a:extLst>
              <a:ext uri="{FF2B5EF4-FFF2-40B4-BE49-F238E27FC236}">
                <a16:creationId xmlns:a16="http://schemas.microsoft.com/office/drawing/2014/main" id="{546B74D7-1D32-A943-0D5A-F0AF408B8EB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245403" y="4475565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8" name="OTLSHAPE_SLT_530db7f3524842b1832c7280da3264ef_ShapePercentage" hidden="1">
            <a:extLst>
              <a:ext uri="{FF2B5EF4-FFF2-40B4-BE49-F238E27FC236}">
                <a16:creationId xmlns:a16="http://schemas.microsoft.com/office/drawing/2014/main" id="{2EBEDE94-0BB2-F0F1-0043-26A2715C8BD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245403" y="4684183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6" name="OTLSHAPE_SLT_b763bba544f147c4bb55c79301719886_ShapePercentage" hidden="1">
            <a:extLst>
              <a:ext uri="{FF2B5EF4-FFF2-40B4-BE49-F238E27FC236}">
                <a16:creationId xmlns:a16="http://schemas.microsoft.com/office/drawing/2014/main" id="{953CB86B-35DE-08C5-2438-88F6812626E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245403" y="4892802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" name="OTLSHAPE_SLT_f981d2cc366545bb808b5e5a07e91972_ShapePercentage" hidden="1">
            <a:extLst>
              <a:ext uri="{FF2B5EF4-FFF2-40B4-BE49-F238E27FC236}">
                <a16:creationId xmlns:a16="http://schemas.microsoft.com/office/drawing/2014/main" id="{6B776AFC-0EA1-E107-40AD-2B90A8E7B22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245403" y="5101421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" name="OTLSHAPE_SLT_45a15bf702d64804b6edd6e46b1b2d37_ShapePercentage" hidden="1">
            <a:extLst>
              <a:ext uri="{FF2B5EF4-FFF2-40B4-BE49-F238E27FC236}">
                <a16:creationId xmlns:a16="http://schemas.microsoft.com/office/drawing/2014/main" id="{81723DD1-DCA6-C649-55D4-0E35A9252B0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245403" y="531003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0" name="OTLSHAPE_SLT_52bd7c6932a241aa9fe3d5cca2783ed2_ShapePercentage" hidden="1">
            <a:extLst>
              <a:ext uri="{FF2B5EF4-FFF2-40B4-BE49-F238E27FC236}">
                <a16:creationId xmlns:a16="http://schemas.microsoft.com/office/drawing/2014/main" id="{98BC3CF0-166C-91F6-474A-00028AC5DE4E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245403" y="551865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OTLSHAPE_SL_cc64bb6096e443cdafc938c76c3040ca_Header">
            <a:extLst>
              <a:ext uri="{FF2B5EF4-FFF2-40B4-BE49-F238E27FC236}">
                <a16:creationId xmlns:a16="http://schemas.microsoft.com/office/drawing/2014/main" id="{424BACEC-56D9-2048-E13B-F2384D1E790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225331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>
                <a:solidFill>
                  <a:schemeClr val="lt1"/>
                </a:solidFill>
                <a:latin typeface="Calibri" panose="020F0502020204030204" pitchFamily="34" charset="0"/>
              </a:rPr>
              <a:t>Planification</a:t>
            </a:r>
          </a:p>
        </p:txBody>
      </p:sp>
      <p:sp>
        <p:nvSpPr>
          <p:cNvPr id="22" name="OTLSHAPE_SL_eed20fe7fd2e456c8b9b405ac87ed29a_Header">
            <a:extLst>
              <a:ext uri="{FF2B5EF4-FFF2-40B4-BE49-F238E27FC236}">
                <a16:creationId xmlns:a16="http://schemas.microsoft.com/office/drawing/2014/main" id="{860E875B-598C-4EDF-3DE0-A85A55AF57E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324925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>
                <a:solidFill>
                  <a:schemeClr val="lt1"/>
                </a:solidFill>
                <a:latin typeface="Calibri" panose="020F0502020204030204" pitchFamily="34" charset="0"/>
              </a:rPr>
              <a:t>Recherche</a:t>
            </a:r>
          </a:p>
        </p:txBody>
      </p:sp>
      <p:sp>
        <p:nvSpPr>
          <p:cNvPr id="25" name="OTLSHAPE_SL_8630ee46d8b740e598bd4d594507dcc6_Header">
            <a:extLst>
              <a:ext uri="{FF2B5EF4-FFF2-40B4-BE49-F238E27FC236}">
                <a16:creationId xmlns:a16="http://schemas.microsoft.com/office/drawing/2014/main" id="{93BC344B-50AB-C74E-E9DA-423791380E4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681474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>
                <a:solidFill>
                  <a:schemeClr val="lt1"/>
                </a:solidFill>
                <a:latin typeface="Calibri" panose="020F0502020204030204" pitchFamily="34" charset="0"/>
              </a:rPr>
              <a:t>Developpement</a:t>
            </a:r>
          </a:p>
        </p:txBody>
      </p:sp>
      <p:sp>
        <p:nvSpPr>
          <p:cNvPr id="31" name="OTLSHAPE_SL2A_8693368f51f945cea0d679fa62b55355_Header" hidden="1">
            <a:extLst>
              <a:ext uri="{FF2B5EF4-FFF2-40B4-BE49-F238E27FC236}">
                <a16:creationId xmlns:a16="http://schemas.microsoft.com/office/drawing/2014/main" id="{E35D9CF9-8C01-D82F-FE3B-B39410F7DFB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2A_400c65aca57b49e19bb4cde594e3abb1_Header" hidden="1">
            <a:extLst>
              <a:ext uri="{FF2B5EF4-FFF2-40B4-BE49-F238E27FC236}">
                <a16:creationId xmlns:a16="http://schemas.microsoft.com/office/drawing/2014/main" id="{77D01A90-CFF4-C630-4589-8A416A7F7E3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2A_8be08dd36b2f4fb0b40c3e8e73ab6afb_Header" hidden="1">
            <a:extLst>
              <a:ext uri="{FF2B5EF4-FFF2-40B4-BE49-F238E27FC236}">
                <a16:creationId xmlns:a16="http://schemas.microsoft.com/office/drawing/2014/main" id="{330C0520-05A8-08A1-E1F1-FBB12E22FB5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444BF8D-DC07-4625-E4C5-10B15444811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flipV="1">
            <a:off x="7337384" y="1629833"/>
            <a:ext cx="76200" cy="84667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A9E4D0D-1934-D77C-D1E1-C8A60ECAB0C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93541" y="144377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FFBFF82-AC97-7B4C-9309-2FB6EF2E081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55700" y="1748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>
                <a:solidFill>
                  <a:schemeClr val="lt2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8F56A2D-7DC1-B717-F442-512355FC312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206768" y="1748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2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8FA6873-AE05-DFE6-E399-5A2FEAE5FD6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257835" y="1748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2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D4B71AE-3946-FD24-A98E-B2826A92E2E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308903" y="1748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2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F5D93C2-2368-D466-E845-6F84EC094DF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359971" y="1748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40">
                <a:solidFill>
                  <a:schemeClr val="lt2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35" name="OTLSHAPE_SLT_c2b391997d6849bc8f23048c0b73856d_Duration" hidden="1">
            <a:extLst>
              <a:ext uri="{FF2B5EF4-FFF2-40B4-BE49-F238E27FC236}">
                <a16:creationId xmlns:a16="http://schemas.microsoft.com/office/drawing/2014/main" id="{1C820CF4-2DF3-6B3E-96FA-83E11E55F61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6" name="OTLSHAPE_SLT_c2b391997d6849bc8f23048c0b73856d_StartDate" hidden="1">
            <a:extLst>
              <a:ext uri="{FF2B5EF4-FFF2-40B4-BE49-F238E27FC236}">
                <a16:creationId xmlns:a16="http://schemas.microsoft.com/office/drawing/2014/main" id="{A08589C0-AE7E-BC86-AC72-FF72443BC58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c2b391997d6849bc8f23048c0b73856d_EndDate" hidden="1">
            <a:extLst>
              <a:ext uri="{FF2B5EF4-FFF2-40B4-BE49-F238E27FC236}">
                <a16:creationId xmlns:a16="http://schemas.microsoft.com/office/drawing/2014/main" id="{9A5533B2-C8D6-1D03-318D-A23A6691C28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c2b391997d6849bc8f23048c0b73856d_Title">
            <a:extLst>
              <a:ext uri="{FF2B5EF4-FFF2-40B4-BE49-F238E27FC236}">
                <a16:creationId xmlns:a16="http://schemas.microsoft.com/office/drawing/2014/main" id="{F54BA96F-6815-1B08-0AED-51501AE150C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111481" y="204470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BrainStorming</a:t>
            </a:r>
          </a:p>
        </p:txBody>
      </p:sp>
      <p:sp>
        <p:nvSpPr>
          <p:cNvPr id="39" name="OTLSHAPE_SLT_c2b391997d6849bc8f23048c0b73856d_JoinedDate">
            <a:extLst>
              <a:ext uri="{FF2B5EF4-FFF2-40B4-BE49-F238E27FC236}">
                <a16:creationId xmlns:a16="http://schemas.microsoft.com/office/drawing/2014/main" id="{9E8DB8E9-62E8-475A-BE7D-6C56B0593BF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65903" y="205244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Sep 19 - Sep 26</a:t>
            </a:r>
          </a:p>
        </p:txBody>
      </p:sp>
      <p:sp>
        <p:nvSpPr>
          <p:cNvPr id="40" name="OTLSHAPE_SLT_c2b391997d6849bc8f23048c0b73856d_TextPercentage" hidden="1">
            <a:extLst>
              <a:ext uri="{FF2B5EF4-FFF2-40B4-BE49-F238E27FC236}">
                <a16:creationId xmlns:a16="http://schemas.microsoft.com/office/drawing/2014/main" id="{59472332-DE5F-9EDF-5443-1DCC9DEFFCA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61c8249061d8449a8da2b3b28c9e04d2_Duration" hidden="1">
            <a:extLst>
              <a:ext uri="{FF2B5EF4-FFF2-40B4-BE49-F238E27FC236}">
                <a16:creationId xmlns:a16="http://schemas.microsoft.com/office/drawing/2014/main" id="{6C6CF85D-7C32-4D38-6088-7A1F916686E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44" name="OTLSHAPE_SLT_61c8249061d8449a8da2b3b28c9e04d2_StartDate" hidden="1">
            <a:extLst>
              <a:ext uri="{FF2B5EF4-FFF2-40B4-BE49-F238E27FC236}">
                <a16:creationId xmlns:a16="http://schemas.microsoft.com/office/drawing/2014/main" id="{D1091881-4DBE-B686-C40F-5E82216DAFA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61c8249061d8449a8da2b3b28c9e04d2_EndDate" hidden="1">
            <a:extLst>
              <a:ext uri="{FF2B5EF4-FFF2-40B4-BE49-F238E27FC236}">
                <a16:creationId xmlns:a16="http://schemas.microsoft.com/office/drawing/2014/main" id="{05AF1535-4DCF-341D-BEB5-D8C01967C53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61c8249061d8449a8da2b3b28c9e04d2_JoinedDate">
            <a:extLst>
              <a:ext uri="{FF2B5EF4-FFF2-40B4-BE49-F238E27FC236}">
                <a16:creationId xmlns:a16="http://schemas.microsoft.com/office/drawing/2014/main" id="{F842EB04-DC8D-FA60-4E2D-41C21C0D29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256063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Sep 26 - Oct 3</a:t>
            </a:r>
          </a:p>
        </p:txBody>
      </p:sp>
      <p:sp>
        <p:nvSpPr>
          <p:cNvPr id="47" name="OTLSHAPE_SLT_61c8249061d8449a8da2b3b28c9e04d2_Title">
            <a:extLst>
              <a:ext uri="{FF2B5EF4-FFF2-40B4-BE49-F238E27FC236}">
                <a16:creationId xmlns:a16="http://schemas.microsoft.com/office/drawing/2014/main" id="{73316F4F-CDDF-038C-D111-B4122C8ABCC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416970" y="2253319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2">
                <a:solidFill>
                  <a:schemeClr val="dk1"/>
                </a:solidFill>
                <a:latin typeface="Calibri" panose="020F0502020204030204" pitchFamily="34" charset="0"/>
              </a:rPr>
              <a:t>Organisation des plannings</a:t>
            </a:r>
          </a:p>
        </p:txBody>
      </p:sp>
      <p:sp>
        <p:nvSpPr>
          <p:cNvPr id="48" name="OTLSHAPE_SLT_61c8249061d8449a8da2b3b28c9e04d2_TextPercentage" hidden="1">
            <a:extLst>
              <a:ext uri="{FF2B5EF4-FFF2-40B4-BE49-F238E27FC236}">
                <a16:creationId xmlns:a16="http://schemas.microsoft.com/office/drawing/2014/main" id="{776B50A0-1835-F5E5-690D-88E00612A0B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937add580f3a49a6a8d3c7fb30a5d4f2_Duration" hidden="1">
            <a:extLst>
              <a:ext uri="{FF2B5EF4-FFF2-40B4-BE49-F238E27FC236}">
                <a16:creationId xmlns:a16="http://schemas.microsoft.com/office/drawing/2014/main" id="{C81A00EA-2F7D-3788-FC8C-88B205DAC40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2" name="OTLSHAPE_SLT_937add580f3a49a6a8d3c7fb30a5d4f2_StartDate" hidden="1">
            <a:extLst>
              <a:ext uri="{FF2B5EF4-FFF2-40B4-BE49-F238E27FC236}">
                <a16:creationId xmlns:a16="http://schemas.microsoft.com/office/drawing/2014/main" id="{FF7BFD3D-E4FE-3391-6720-C3D23E6CBA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937add580f3a49a6a8d3c7fb30a5d4f2_EndDate" hidden="1">
            <a:extLst>
              <a:ext uri="{FF2B5EF4-FFF2-40B4-BE49-F238E27FC236}">
                <a16:creationId xmlns:a16="http://schemas.microsoft.com/office/drawing/2014/main" id="{AF3C94D8-B4C0-E762-CFA1-F3CBA361401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937add580f3a49a6a8d3c7fb30a5d4f2_JoinedDate">
            <a:extLst>
              <a:ext uri="{FF2B5EF4-FFF2-40B4-BE49-F238E27FC236}">
                <a16:creationId xmlns:a16="http://schemas.microsoft.com/office/drawing/2014/main" id="{DCD3B863-D429-30C1-BBB9-17F8D50E698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379436" y="246968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Oct 3 - Oct 4</a:t>
            </a:r>
          </a:p>
        </p:txBody>
      </p:sp>
      <p:sp>
        <p:nvSpPr>
          <p:cNvPr id="55" name="OTLSHAPE_SLT_937add580f3a49a6a8d3c7fb30a5d4f2_Title">
            <a:extLst>
              <a:ext uri="{FF2B5EF4-FFF2-40B4-BE49-F238E27FC236}">
                <a16:creationId xmlns:a16="http://schemas.microsoft.com/office/drawing/2014/main" id="{7571903C-F7B6-534E-A3BD-0A6D43AF5AC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709980" y="2461937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Repartition des tâches</a:t>
            </a:r>
          </a:p>
        </p:txBody>
      </p:sp>
      <p:sp>
        <p:nvSpPr>
          <p:cNvPr id="56" name="OTLSHAPE_SLT_937add580f3a49a6a8d3c7fb30a5d4f2_TextPercentage" hidden="1">
            <a:extLst>
              <a:ext uri="{FF2B5EF4-FFF2-40B4-BE49-F238E27FC236}">
                <a16:creationId xmlns:a16="http://schemas.microsoft.com/office/drawing/2014/main" id="{B748B54C-B1E1-B397-BFD3-958A022C685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efcefbf6a8648ac934f6fa2ab15c1c5_Duration" hidden="1">
            <a:extLst>
              <a:ext uri="{FF2B5EF4-FFF2-40B4-BE49-F238E27FC236}">
                <a16:creationId xmlns:a16="http://schemas.microsoft.com/office/drawing/2014/main" id="{39C6A0A3-FAE0-F8D9-7FB5-DE1F590D002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3" name="OTLSHAPE_SLT_eefcefbf6a8648ac934f6fa2ab15c1c5_StartDate" hidden="1">
            <a:extLst>
              <a:ext uri="{FF2B5EF4-FFF2-40B4-BE49-F238E27FC236}">
                <a16:creationId xmlns:a16="http://schemas.microsoft.com/office/drawing/2014/main" id="{1AF02DF0-64DF-BDC9-C477-212D40CB5A4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efcefbf6a8648ac934f6fa2ab15c1c5_EndDate" hidden="1">
            <a:extLst>
              <a:ext uri="{FF2B5EF4-FFF2-40B4-BE49-F238E27FC236}">
                <a16:creationId xmlns:a16="http://schemas.microsoft.com/office/drawing/2014/main" id="{D05C7A9C-BB3D-16FC-0D9A-4E7F7125E94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eefcefbf6a8648ac934f6fa2ab15c1c5_JoinedDate">
            <a:extLst>
              <a:ext uri="{FF2B5EF4-FFF2-40B4-BE49-F238E27FC236}">
                <a16:creationId xmlns:a16="http://schemas.microsoft.com/office/drawing/2014/main" id="{CC0599BD-4221-AA9E-6B52-B0D55A5C61F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428102" y="275450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Sep 30 - Oct 4</a:t>
            </a:r>
          </a:p>
        </p:txBody>
      </p:sp>
      <p:sp>
        <p:nvSpPr>
          <p:cNvPr id="66" name="OTLSHAPE_SLT_eefcefbf6a8648ac934f6fa2ab15c1c5_Title">
            <a:extLst>
              <a:ext uri="{FF2B5EF4-FFF2-40B4-BE49-F238E27FC236}">
                <a16:creationId xmlns:a16="http://schemas.microsoft.com/office/drawing/2014/main" id="{3172DF40-A52A-5F59-210C-2646BCC06CF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709980" y="274675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8">
                <a:solidFill>
                  <a:schemeClr val="dk1"/>
                </a:solidFill>
                <a:latin typeface="Calibri" panose="020F0502020204030204" pitchFamily="34" charset="0"/>
              </a:rPr>
              <a:t>Technologie de dev</a:t>
            </a:r>
          </a:p>
        </p:txBody>
      </p:sp>
      <p:sp>
        <p:nvSpPr>
          <p:cNvPr id="67" name="OTLSHAPE_SLT_eefcefbf6a8648ac934f6fa2ab15c1c5_TextPercentage" hidden="1">
            <a:extLst>
              <a:ext uri="{FF2B5EF4-FFF2-40B4-BE49-F238E27FC236}">
                <a16:creationId xmlns:a16="http://schemas.microsoft.com/office/drawing/2014/main" id="{1B180989-2E01-8C95-759B-ABDB80FB8E7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28c01d1ea07645d59898a4fd3431418c_Duration" hidden="1">
            <a:extLst>
              <a:ext uri="{FF2B5EF4-FFF2-40B4-BE49-F238E27FC236}">
                <a16:creationId xmlns:a16="http://schemas.microsoft.com/office/drawing/2014/main" id="{7367E63F-1900-3BDC-A06D-48B120A0F23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71" name="OTLSHAPE_SLT_28c01d1ea07645d59898a4fd3431418c_StartDate" hidden="1">
            <a:extLst>
              <a:ext uri="{FF2B5EF4-FFF2-40B4-BE49-F238E27FC236}">
                <a16:creationId xmlns:a16="http://schemas.microsoft.com/office/drawing/2014/main" id="{46C72BCE-4615-9F6F-0C6E-F49E02BA4F9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28c01d1ea07645d59898a4fd3431418c_EndDate" hidden="1">
            <a:extLst>
              <a:ext uri="{FF2B5EF4-FFF2-40B4-BE49-F238E27FC236}">
                <a16:creationId xmlns:a16="http://schemas.microsoft.com/office/drawing/2014/main" id="{C8DD1661-8C13-557A-5782-92CCC73CDE9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28c01d1ea07645d59898a4fd3431418c_JoinedDate">
            <a:extLst>
              <a:ext uri="{FF2B5EF4-FFF2-40B4-BE49-F238E27FC236}">
                <a16:creationId xmlns:a16="http://schemas.microsoft.com/office/drawing/2014/main" id="{B0C5E37C-6F6C-B0F2-AB33-EC93CDBC9DD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086426" y="296312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Oct 2 - Oct 8</a:t>
            </a:r>
          </a:p>
        </p:txBody>
      </p:sp>
      <p:sp>
        <p:nvSpPr>
          <p:cNvPr id="74" name="OTLSHAPE_SLT_28c01d1ea07645d59898a4fd3431418c_Title">
            <a:extLst>
              <a:ext uri="{FF2B5EF4-FFF2-40B4-BE49-F238E27FC236}">
                <a16:creationId xmlns:a16="http://schemas.microsoft.com/office/drawing/2014/main" id="{4988165B-CF53-106F-E8B4-4B0860EDDF8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882019" y="2955375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8">
                <a:solidFill>
                  <a:schemeClr val="dk1"/>
                </a:solidFill>
                <a:latin typeface="Calibri" panose="020F0502020204030204" pitchFamily="34" charset="0"/>
              </a:rPr>
              <a:t>Technologie existante</a:t>
            </a:r>
          </a:p>
        </p:txBody>
      </p:sp>
      <p:sp>
        <p:nvSpPr>
          <p:cNvPr id="75" name="OTLSHAPE_SLT_28c01d1ea07645d59898a4fd3431418c_TextPercentage" hidden="1">
            <a:extLst>
              <a:ext uri="{FF2B5EF4-FFF2-40B4-BE49-F238E27FC236}">
                <a16:creationId xmlns:a16="http://schemas.microsoft.com/office/drawing/2014/main" id="{78385A16-6FEA-F92B-AA3E-D21DD6B445A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c3c7974587064d58b07b559a013c6498_Duration" hidden="1">
            <a:extLst>
              <a:ext uri="{FF2B5EF4-FFF2-40B4-BE49-F238E27FC236}">
                <a16:creationId xmlns:a16="http://schemas.microsoft.com/office/drawing/2014/main" id="{0E9E8095-2DDA-59EB-9EC2-1F78FF5A575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79" name="OTLSHAPE_SLT_c3c7974587064d58b07b559a013c6498_StartDate" hidden="1">
            <a:extLst>
              <a:ext uri="{FF2B5EF4-FFF2-40B4-BE49-F238E27FC236}">
                <a16:creationId xmlns:a16="http://schemas.microsoft.com/office/drawing/2014/main" id="{826442CE-0BAB-044C-1801-0D94AEC173A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c3c7974587064d58b07b559a013c6498_EndDate" hidden="1">
            <a:extLst>
              <a:ext uri="{FF2B5EF4-FFF2-40B4-BE49-F238E27FC236}">
                <a16:creationId xmlns:a16="http://schemas.microsoft.com/office/drawing/2014/main" id="{4C50F187-1C38-CDE1-9C61-A3C0D6F3CF3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c3c7974587064d58b07b559a013c6498_JoinedDate">
            <a:extLst>
              <a:ext uri="{FF2B5EF4-FFF2-40B4-BE49-F238E27FC236}">
                <a16:creationId xmlns:a16="http://schemas.microsoft.com/office/drawing/2014/main" id="{E743AE85-097C-46CC-0BB6-CD7A92497D8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608057" y="317174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Oct 4 - Oct 10</a:t>
            </a:r>
          </a:p>
        </p:txBody>
      </p:sp>
      <p:sp>
        <p:nvSpPr>
          <p:cNvPr id="82" name="OTLSHAPE_SLT_c3c7974587064d58b07b559a013c6498_Title">
            <a:extLst>
              <a:ext uri="{FF2B5EF4-FFF2-40B4-BE49-F238E27FC236}">
                <a16:creationId xmlns:a16="http://schemas.microsoft.com/office/drawing/2014/main" id="{22E0C194-52F9-8EF6-579F-6162558395A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468038" y="31639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8">
                <a:solidFill>
                  <a:schemeClr val="dk1"/>
                </a:solidFill>
                <a:latin typeface="Calibri" panose="020F0502020204030204" pitchFamily="34" charset="0"/>
              </a:rPr>
              <a:t>Data-Set</a:t>
            </a:r>
          </a:p>
        </p:txBody>
      </p:sp>
      <p:sp>
        <p:nvSpPr>
          <p:cNvPr id="83" name="OTLSHAPE_SLT_c3c7974587064d58b07b559a013c6498_TextPercentage" hidden="1">
            <a:extLst>
              <a:ext uri="{FF2B5EF4-FFF2-40B4-BE49-F238E27FC236}">
                <a16:creationId xmlns:a16="http://schemas.microsoft.com/office/drawing/2014/main" id="{0BF07394-D6A7-3AFF-9498-3EA9B70DFE3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96663400c98b4e169b04c6524a965266_Duration" hidden="1">
            <a:extLst>
              <a:ext uri="{FF2B5EF4-FFF2-40B4-BE49-F238E27FC236}">
                <a16:creationId xmlns:a16="http://schemas.microsoft.com/office/drawing/2014/main" id="{B608B389-6B4D-C757-081C-092C6C98134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87" name="OTLSHAPE_SLT_96663400c98b4e169b04c6524a965266_StartDate" hidden="1">
            <a:extLst>
              <a:ext uri="{FF2B5EF4-FFF2-40B4-BE49-F238E27FC236}">
                <a16:creationId xmlns:a16="http://schemas.microsoft.com/office/drawing/2014/main" id="{9817CCF8-E560-FAD6-5BD2-2823ED0EA89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6663400c98b4e169b04c6524a965266_EndDate" hidden="1">
            <a:extLst>
              <a:ext uri="{FF2B5EF4-FFF2-40B4-BE49-F238E27FC236}">
                <a16:creationId xmlns:a16="http://schemas.microsoft.com/office/drawing/2014/main" id="{4EDE1E20-AEB5-8E62-C75F-E33EC0A2BF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6663400c98b4e169b04c6524a965266_JoinedDate">
            <a:extLst>
              <a:ext uri="{FF2B5EF4-FFF2-40B4-BE49-F238E27FC236}">
                <a16:creationId xmlns:a16="http://schemas.microsoft.com/office/drawing/2014/main" id="{198AB9EB-A1BB-33C6-A5E7-0A62242B718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608057" y="338035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Oct 4 - Oct 15</a:t>
            </a:r>
          </a:p>
        </p:txBody>
      </p:sp>
      <p:sp>
        <p:nvSpPr>
          <p:cNvPr id="90" name="OTLSHAPE_SLT_96663400c98b4e169b04c6524a965266_Title">
            <a:extLst>
              <a:ext uri="{FF2B5EF4-FFF2-40B4-BE49-F238E27FC236}">
                <a16:creationId xmlns:a16="http://schemas.microsoft.com/office/drawing/2014/main" id="{A7264981-8787-3992-8CF9-11D3964B706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933086" y="3372612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Modele IA scan</a:t>
            </a:r>
          </a:p>
        </p:txBody>
      </p:sp>
      <p:sp>
        <p:nvSpPr>
          <p:cNvPr id="91" name="OTLSHAPE_SLT_96663400c98b4e169b04c6524a965266_TextPercentage" hidden="1">
            <a:extLst>
              <a:ext uri="{FF2B5EF4-FFF2-40B4-BE49-F238E27FC236}">
                <a16:creationId xmlns:a16="http://schemas.microsoft.com/office/drawing/2014/main" id="{A6F65B8B-2684-4CEF-8CFE-AEA1C6B3B9A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908cc10e70145a188cadf10bee14028_Duration" hidden="1">
            <a:extLst>
              <a:ext uri="{FF2B5EF4-FFF2-40B4-BE49-F238E27FC236}">
                <a16:creationId xmlns:a16="http://schemas.microsoft.com/office/drawing/2014/main" id="{57D4980E-3E5D-56CC-E030-ADB09F78439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95" name="OTLSHAPE_SLT_7908cc10e70145a188cadf10bee14028_StartDate" hidden="1">
            <a:extLst>
              <a:ext uri="{FF2B5EF4-FFF2-40B4-BE49-F238E27FC236}">
                <a16:creationId xmlns:a16="http://schemas.microsoft.com/office/drawing/2014/main" id="{544BB108-DE3F-DCB0-759E-049EDBF3950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908cc10e70145a188cadf10bee14028_EndDate" hidden="1">
            <a:extLst>
              <a:ext uri="{FF2B5EF4-FFF2-40B4-BE49-F238E27FC236}">
                <a16:creationId xmlns:a16="http://schemas.microsoft.com/office/drawing/2014/main" id="{5D7F832C-BA69-27B1-DF94-ED5D1F66A01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7908cc10e70145a188cadf10bee14028_JoinedDate">
            <a:extLst>
              <a:ext uri="{FF2B5EF4-FFF2-40B4-BE49-F238E27FC236}">
                <a16:creationId xmlns:a16="http://schemas.microsoft.com/office/drawing/2014/main" id="{0B303D04-CB65-9144-F772-AA73181B221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766774" y="367423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Oct 15 - Oct 20</a:t>
            </a:r>
          </a:p>
        </p:txBody>
      </p:sp>
      <p:sp>
        <p:nvSpPr>
          <p:cNvPr id="98" name="OTLSHAPE_SLT_7908cc10e70145a188cadf10bee14028_Title">
            <a:extLst>
              <a:ext uri="{FF2B5EF4-FFF2-40B4-BE49-F238E27FC236}">
                <a16:creationId xmlns:a16="http://schemas.microsoft.com/office/drawing/2014/main" id="{FAA9B8B0-99B2-BA5E-EDF0-C9BE7F8493F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1398135" y="3581231"/>
            <a:ext cx="622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>
                <a:solidFill>
                  <a:schemeClr val="dk1"/>
                </a:solidFill>
                <a:latin typeface="Calibri" panose="020F0502020204030204" pitchFamily="34" charset="0"/>
              </a:rPr>
              <a:t>Modele IA Profilage</a:t>
            </a:r>
          </a:p>
        </p:txBody>
      </p:sp>
      <p:sp>
        <p:nvSpPr>
          <p:cNvPr id="99" name="OTLSHAPE_SLT_7908cc10e70145a188cadf10bee14028_TextPercentage" hidden="1">
            <a:extLst>
              <a:ext uri="{FF2B5EF4-FFF2-40B4-BE49-F238E27FC236}">
                <a16:creationId xmlns:a16="http://schemas.microsoft.com/office/drawing/2014/main" id="{10915FB4-D307-414E-BF22-6D3337C66DC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6cc8445fef7345e69492f6a4afa16686_Duration" hidden="1">
            <a:extLst>
              <a:ext uri="{FF2B5EF4-FFF2-40B4-BE49-F238E27FC236}">
                <a16:creationId xmlns:a16="http://schemas.microsoft.com/office/drawing/2014/main" id="{BA4833B1-2325-5166-3B47-E8FF61C4252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6" name="OTLSHAPE_SLT_6cc8445fef7345e69492f6a4afa16686_StartDate" hidden="1">
            <a:extLst>
              <a:ext uri="{FF2B5EF4-FFF2-40B4-BE49-F238E27FC236}">
                <a16:creationId xmlns:a16="http://schemas.microsoft.com/office/drawing/2014/main" id="{2C7FFDA3-0B13-50E8-3899-F7306E29038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6cc8445fef7345e69492f6a4afa16686_EndDate" hidden="1">
            <a:extLst>
              <a:ext uri="{FF2B5EF4-FFF2-40B4-BE49-F238E27FC236}">
                <a16:creationId xmlns:a16="http://schemas.microsoft.com/office/drawing/2014/main" id="{F29E6822-E5B5-F4C1-0C5F-278EDC38F5E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6cc8445fef7345e69492f6a4afa16686_JoinedDate">
            <a:extLst>
              <a:ext uri="{FF2B5EF4-FFF2-40B4-BE49-F238E27FC236}">
                <a16:creationId xmlns:a16="http://schemas.microsoft.com/office/drawing/2014/main" id="{B5954184-315B-3E3E-0B00-E5FAF47F758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921172" y="404431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09" name="OTLSHAPE_SLT_6cc8445fef7345e69492f6a4afa16686_Title">
            <a:extLst>
              <a:ext uri="{FF2B5EF4-FFF2-40B4-BE49-F238E27FC236}">
                <a16:creationId xmlns:a16="http://schemas.microsoft.com/office/drawing/2014/main" id="{95131534-D1F4-D42E-615E-F5D2FFE7D6C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589009" y="4036568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can des tableaux</a:t>
            </a:r>
          </a:p>
        </p:txBody>
      </p:sp>
      <p:sp>
        <p:nvSpPr>
          <p:cNvPr id="110" name="OTLSHAPE_SLT_6cc8445fef7345e69492f6a4afa16686_TextPercentage" hidden="1">
            <a:extLst>
              <a:ext uri="{FF2B5EF4-FFF2-40B4-BE49-F238E27FC236}">
                <a16:creationId xmlns:a16="http://schemas.microsoft.com/office/drawing/2014/main" id="{FAEC800E-CF41-82C5-14A0-10B25FF679F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bdb4dfac2129411e836db6b8bcd6ebe3_Duration" hidden="1">
            <a:extLst>
              <a:ext uri="{FF2B5EF4-FFF2-40B4-BE49-F238E27FC236}">
                <a16:creationId xmlns:a16="http://schemas.microsoft.com/office/drawing/2014/main" id="{FAB1E62D-3990-E491-98CF-F1BD4EAD39C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4" name="OTLSHAPE_SLT_bdb4dfac2129411e836db6b8bcd6ebe3_StartDate" hidden="1">
            <a:extLst>
              <a:ext uri="{FF2B5EF4-FFF2-40B4-BE49-F238E27FC236}">
                <a16:creationId xmlns:a16="http://schemas.microsoft.com/office/drawing/2014/main" id="{DEE6B1E0-5C74-2159-A858-DF021E126E9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bdb4dfac2129411e836db6b8bcd6ebe3_EndDate" hidden="1">
            <a:extLst>
              <a:ext uri="{FF2B5EF4-FFF2-40B4-BE49-F238E27FC236}">
                <a16:creationId xmlns:a16="http://schemas.microsoft.com/office/drawing/2014/main" id="{E22BB4AB-6379-98DC-58E5-AE07327EE35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bdb4dfac2129411e836db6b8bcd6ebe3_JoinedDate">
            <a:extLst>
              <a:ext uri="{FF2B5EF4-FFF2-40B4-BE49-F238E27FC236}">
                <a16:creationId xmlns:a16="http://schemas.microsoft.com/office/drawing/2014/main" id="{09DD8BE4-D9B8-25A8-129B-36D324F85AE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921172" y="425293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17" name="OTLSHAPE_SLT_bdb4dfac2129411e836db6b8bcd6ebe3_Title">
            <a:extLst>
              <a:ext uri="{FF2B5EF4-FFF2-40B4-BE49-F238E27FC236}">
                <a16:creationId xmlns:a16="http://schemas.microsoft.com/office/drawing/2014/main" id="{C7326910-E730-93DB-6FE2-E9B0F78F21A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589009" y="4245187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2">
                <a:solidFill>
                  <a:schemeClr val="dk1"/>
                </a:solidFill>
                <a:latin typeface="Calibri" panose="020F0502020204030204" pitchFamily="34" charset="0"/>
              </a:rPr>
              <a:t>Afficher la description des tableaux</a:t>
            </a:r>
          </a:p>
        </p:txBody>
      </p:sp>
      <p:sp>
        <p:nvSpPr>
          <p:cNvPr id="118" name="OTLSHAPE_SLT_bdb4dfac2129411e836db6b8bcd6ebe3_TextPercentage" hidden="1">
            <a:extLst>
              <a:ext uri="{FF2B5EF4-FFF2-40B4-BE49-F238E27FC236}">
                <a16:creationId xmlns:a16="http://schemas.microsoft.com/office/drawing/2014/main" id="{A90EEAF9-5BC1-AB26-85A6-18379C2C176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6b25ae7101c4ea8af3af31a77343b53_Duration" hidden="1">
            <a:extLst>
              <a:ext uri="{FF2B5EF4-FFF2-40B4-BE49-F238E27FC236}">
                <a16:creationId xmlns:a16="http://schemas.microsoft.com/office/drawing/2014/main" id="{B4240362-4947-AE9D-7595-38DE21CA90A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22" name="OTLSHAPE_SLT_16b25ae7101c4ea8af3af31a77343b53_StartDate" hidden="1">
            <a:extLst>
              <a:ext uri="{FF2B5EF4-FFF2-40B4-BE49-F238E27FC236}">
                <a16:creationId xmlns:a16="http://schemas.microsoft.com/office/drawing/2014/main" id="{FBE699B6-A0B0-C133-04D7-8C57A8BB14F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16b25ae7101c4ea8af3af31a77343b53_EndDate" hidden="1">
            <a:extLst>
              <a:ext uri="{FF2B5EF4-FFF2-40B4-BE49-F238E27FC236}">
                <a16:creationId xmlns:a16="http://schemas.microsoft.com/office/drawing/2014/main" id="{FCB6D5A3-C465-502A-961D-1596E7C2177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16b25ae7101c4ea8af3af31a77343b53_JoinedDate">
            <a:extLst>
              <a:ext uri="{FF2B5EF4-FFF2-40B4-BE49-F238E27FC236}">
                <a16:creationId xmlns:a16="http://schemas.microsoft.com/office/drawing/2014/main" id="{FA3D5492-8E25-658E-0982-EEDA685ECAC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921172" y="446155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25" name="OTLSHAPE_SLT_16b25ae7101c4ea8af3af31a77343b53_Title">
            <a:extLst>
              <a:ext uri="{FF2B5EF4-FFF2-40B4-BE49-F238E27FC236}">
                <a16:creationId xmlns:a16="http://schemas.microsoft.com/office/drawing/2014/main" id="{9A4E86F1-D913-6BD6-20F0-3D715983631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589009" y="445380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ofilage IA</a:t>
            </a:r>
          </a:p>
        </p:txBody>
      </p:sp>
      <p:sp>
        <p:nvSpPr>
          <p:cNvPr id="126" name="OTLSHAPE_SLT_16b25ae7101c4ea8af3af31a77343b53_TextPercentage" hidden="1">
            <a:extLst>
              <a:ext uri="{FF2B5EF4-FFF2-40B4-BE49-F238E27FC236}">
                <a16:creationId xmlns:a16="http://schemas.microsoft.com/office/drawing/2014/main" id="{23628171-A564-B0F3-9948-EE43629DB41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30db7f3524842b1832c7280da3264ef_Duration" hidden="1">
            <a:extLst>
              <a:ext uri="{FF2B5EF4-FFF2-40B4-BE49-F238E27FC236}">
                <a16:creationId xmlns:a16="http://schemas.microsoft.com/office/drawing/2014/main" id="{4D0D09EB-C9A8-FB2A-AB44-F47D2501F7F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0" name="OTLSHAPE_SLT_530db7f3524842b1832c7280da3264ef_StartDate" hidden="1">
            <a:extLst>
              <a:ext uri="{FF2B5EF4-FFF2-40B4-BE49-F238E27FC236}">
                <a16:creationId xmlns:a16="http://schemas.microsoft.com/office/drawing/2014/main" id="{94F75010-E1E3-2F86-4200-E2B56C78712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30db7f3524842b1832c7280da3264ef_EndDate" hidden="1">
            <a:extLst>
              <a:ext uri="{FF2B5EF4-FFF2-40B4-BE49-F238E27FC236}">
                <a16:creationId xmlns:a16="http://schemas.microsoft.com/office/drawing/2014/main" id="{F1F091C5-7CCC-FBD6-ADCA-CCF3CF86810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530db7f3524842b1832c7280da3264ef_JoinedDate">
            <a:extLst>
              <a:ext uri="{FF2B5EF4-FFF2-40B4-BE49-F238E27FC236}">
                <a16:creationId xmlns:a16="http://schemas.microsoft.com/office/drawing/2014/main" id="{BB7608BF-826A-6166-CB6C-66266FD460A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921172" y="467017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33" name="OTLSHAPE_SLT_530db7f3524842b1832c7280da3264ef_Title">
            <a:extLst>
              <a:ext uri="{FF2B5EF4-FFF2-40B4-BE49-F238E27FC236}">
                <a16:creationId xmlns:a16="http://schemas.microsoft.com/office/drawing/2014/main" id="{727F1337-5834-DCE2-09AC-1E405318DEC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589009" y="466242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10">
                <a:solidFill>
                  <a:schemeClr val="dk1"/>
                </a:solidFill>
                <a:latin typeface="Calibri" panose="020F0502020204030204" pitchFamily="34" charset="0"/>
              </a:rPr>
              <a:t>Artedex</a:t>
            </a:r>
          </a:p>
        </p:txBody>
      </p:sp>
      <p:sp>
        <p:nvSpPr>
          <p:cNvPr id="134" name="OTLSHAPE_SLT_530db7f3524842b1832c7280da3264ef_TextPercentage" hidden="1">
            <a:extLst>
              <a:ext uri="{FF2B5EF4-FFF2-40B4-BE49-F238E27FC236}">
                <a16:creationId xmlns:a16="http://schemas.microsoft.com/office/drawing/2014/main" id="{A8FC81A4-26CA-5364-358C-907B4F7862B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b763bba544f147c4bb55c79301719886_Duration" hidden="1">
            <a:extLst>
              <a:ext uri="{FF2B5EF4-FFF2-40B4-BE49-F238E27FC236}">
                <a16:creationId xmlns:a16="http://schemas.microsoft.com/office/drawing/2014/main" id="{EE0EB9EF-3ACB-95B2-249E-A095AA50B64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8" name="OTLSHAPE_SLT_b763bba544f147c4bb55c79301719886_StartDate" hidden="1">
            <a:extLst>
              <a:ext uri="{FF2B5EF4-FFF2-40B4-BE49-F238E27FC236}">
                <a16:creationId xmlns:a16="http://schemas.microsoft.com/office/drawing/2014/main" id="{2971B150-8859-F694-60D9-3F73E48EAF0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b763bba544f147c4bb55c79301719886_EndDate" hidden="1">
            <a:extLst>
              <a:ext uri="{FF2B5EF4-FFF2-40B4-BE49-F238E27FC236}">
                <a16:creationId xmlns:a16="http://schemas.microsoft.com/office/drawing/2014/main" id="{CE474E19-0D1F-773D-F561-D290621B380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b763bba544f147c4bb55c79301719886_JoinedDate">
            <a:extLst>
              <a:ext uri="{FF2B5EF4-FFF2-40B4-BE49-F238E27FC236}">
                <a16:creationId xmlns:a16="http://schemas.microsoft.com/office/drawing/2014/main" id="{4C15E065-B1F2-4B5D-0931-B10DCD09B1F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921172" y="487879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41" name="OTLSHAPE_SLT_b763bba544f147c4bb55c79301719886_Title">
            <a:extLst>
              <a:ext uri="{FF2B5EF4-FFF2-40B4-BE49-F238E27FC236}">
                <a16:creationId xmlns:a16="http://schemas.microsoft.com/office/drawing/2014/main" id="{B7756095-074E-819F-F2B7-15F8F5D332D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589009" y="487104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Localisation</a:t>
            </a:r>
          </a:p>
        </p:txBody>
      </p:sp>
      <p:sp>
        <p:nvSpPr>
          <p:cNvPr id="142" name="OTLSHAPE_SLT_b763bba544f147c4bb55c79301719886_TextPercentage" hidden="1">
            <a:extLst>
              <a:ext uri="{FF2B5EF4-FFF2-40B4-BE49-F238E27FC236}">
                <a16:creationId xmlns:a16="http://schemas.microsoft.com/office/drawing/2014/main" id="{A0ACF1C2-94BD-5EEF-92C2-1918D3AAF8F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f981d2cc366545bb808b5e5a07e91972_Duration" hidden="1">
            <a:extLst>
              <a:ext uri="{FF2B5EF4-FFF2-40B4-BE49-F238E27FC236}">
                <a16:creationId xmlns:a16="http://schemas.microsoft.com/office/drawing/2014/main" id="{1CCCFFF6-E0CB-CD49-EE9D-549A9D0EDC1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46" name="OTLSHAPE_SLT_f981d2cc366545bb808b5e5a07e91972_StartDate" hidden="1">
            <a:extLst>
              <a:ext uri="{FF2B5EF4-FFF2-40B4-BE49-F238E27FC236}">
                <a16:creationId xmlns:a16="http://schemas.microsoft.com/office/drawing/2014/main" id="{81C1FE0A-8A8F-D0CB-4A08-04890B04A04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f981d2cc366545bb808b5e5a07e91972_EndDate" hidden="1">
            <a:extLst>
              <a:ext uri="{FF2B5EF4-FFF2-40B4-BE49-F238E27FC236}">
                <a16:creationId xmlns:a16="http://schemas.microsoft.com/office/drawing/2014/main" id="{564E59DA-7BF6-437F-4595-AD1CC9F420B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f981d2cc366545bb808b5e5a07e91972_JoinedDate">
            <a:extLst>
              <a:ext uri="{FF2B5EF4-FFF2-40B4-BE49-F238E27FC236}">
                <a16:creationId xmlns:a16="http://schemas.microsoft.com/office/drawing/2014/main" id="{09C3B1A6-5C25-D9C0-11D2-475FA2E22C7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921172" y="508740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49" name="OTLSHAPE_SLT_f981d2cc366545bb808b5e5a07e91972_Title">
            <a:extLst>
              <a:ext uri="{FF2B5EF4-FFF2-40B4-BE49-F238E27FC236}">
                <a16:creationId xmlns:a16="http://schemas.microsoft.com/office/drawing/2014/main" id="{DBAB2E35-03E6-78D7-F4AE-31359F8B4EE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589009" y="507966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Communauté</a:t>
            </a:r>
          </a:p>
        </p:txBody>
      </p:sp>
      <p:sp>
        <p:nvSpPr>
          <p:cNvPr id="150" name="OTLSHAPE_SLT_f981d2cc366545bb808b5e5a07e91972_TextPercentage" hidden="1">
            <a:extLst>
              <a:ext uri="{FF2B5EF4-FFF2-40B4-BE49-F238E27FC236}">
                <a16:creationId xmlns:a16="http://schemas.microsoft.com/office/drawing/2014/main" id="{308DB215-49FD-A32B-6F28-329BFC2FBE5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45a15bf702d64804b6edd6e46b1b2d37_Duration" hidden="1">
            <a:extLst>
              <a:ext uri="{FF2B5EF4-FFF2-40B4-BE49-F238E27FC236}">
                <a16:creationId xmlns:a16="http://schemas.microsoft.com/office/drawing/2014/main" id="{2EEDCA5A-4167-E525-CDFC-648AF11791C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54" name="OTLSHAPE_SLT_45a15bf702d64804b6edd6e46b1b2d37_StartDate" hidden="1">
            <a:extLst>
              <a:ext uri="{FF2B5EF4-FFF2-40B4-BE49-F238E27FC236}">
                <a16:creationId xmlns:a16="http://schemas.microsoft.com/office/drawing/2014/main" id="{5ADCC355-21AF-8F41-6073-ABEF9509F2D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45a15bf702d64804b6edd6e46b1b2d37_EndDate" hidden="1">
            <a:extLst>
              <a:ext uri="{FF2B5EF4-FFF2-40B4-BE49-F238E27FC236}">
                <a16:creationId xmlns:a16="http://schemas.microsoft.com/office/drawing/2014/main" id="{A4B61B1C-FEFF-11DE-BBF0-B6AC4175A33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45a15bf702d64804b6edd6e46b1b2d37_JoinedDate">
            <a:extLst>
              <a:ext uri="{FF2B5EF4-FFF2-40B4-BE49-F238E27FC236}">
                <a16:creationId xmlns:a16="http://schemas.microsoft.com/office/drawing/2014/main" id="{2F955C67-0D4F-C61C-682D-65CC5005F259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6921172" y="529602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57" name="OTLSHAPE_SLT_45a15bf702d64804b6edd6e46b1b2d37_Title">
            <a:extLst>
              <a:ext uri="{FF2B5EF4-FFF2-40B4-BE49-F238E27FC236}">
                <a16:creationId xmlns:a16="http://schemas.microsoft.com/office/drawing/2014/main" id="{FA364536-CDC2-45B4-FDE9-974765344F4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7589009" y="5288280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Guide musée partenaire</a:t>
            </a:r>
          </a:p>
        </p:txBody>
      </p:sp>
      <p:sp>
        <p:nvSpPr>
          <p:cNvPr id="158" name="OTLSHAPE_SLT_45a15bf702d64804b6edd6e46b1b2d37_TextPercentage" hidden="1">
            <a:extLst>
              <a:ext uri="{FF2B5EF4-FFF2-40B4-BE49-F238E27FC236}">
                <a16:creationId xmlns:a16="http://schemas.microsoft.com/office/drawing/2014/main" id="{FD348DCB-92A4-F3CC-F705-F4FCE3F32A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52bd7c6932a241aa9fe3d5cca2783ed2_Duration" hidden="1">
            <a:extLst>
              <a:ext uri="{FF2B5EF4-FFF2-40B4-BE49-F238E27FC236}">
                <a16:creationId xmlns:a16="http://schemas.microsoft.com/office/drawing/2014/main" id="{863CFDED-1585-826C-2C15-E7C34279702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62" name="OTLSHAPE_SLT_52bd7c6932a241aa9fe3d5cca2783ed2_StartDate" hidden="1">
            <a:extLst>
              <a:ext uri="{FF2B5EF4-FFF2-40B4-BE49-F238E27FC236}">
                <a16:creationId xmlns:a16="http://schemas.microsoft.com/office/drawing/2014/main" id="{B70FE905-54C4-66C6-4817-B8D97DA517A2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52bd7c6932a241aa9fe3d5cca2783ed2_EndDate" hidden="1">
            <a:extLst>
              <a:ext uri="{FF2B5EF4-FFF2-40B4-BE49-F238E27FC236}">
                <a16:creationId xmlns:a16="http://schemas.microsoft.com/office/drawing/2014/main" id="{3E2DE919-B522-A8E9-2A93-1E2126F2D48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52bd7c6932a241aa9fe3d5cca2783ed2_JoinedDate">
            <a:extLst>
              <a:ext uri="{FF2B5EF4-FFF2-40B4-BE49-F238E27FC236}">
                <a16:creationId xmlns:a16="http://schemas.microsoft.com/office/drawing/2014/main" id="{66592E06-963C-7F51-C472-949AC8F1950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921172" y="550464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Oct 7</a:t>
            </a:r>
          </a:p>
        </p:txBody>
      </p:sp>
      <p:sp>
        <p:nvSpPr>
          <p:cNvPr id="165" name="OTLSHAPE_SLT_52bd7c6932a241aa9fe3d5cca2783ed2_Title">
            <a:extLst>
              <a:ext uri="{FF2B5EF4-FFF2-40B4-BE49-F238E27FC236}">
                <a16:creationId xmlns:a16="http://schemas.microsoft.com/office/drawing/2014/main" id="{0B0363D8-2B79-DE96-3874-F92C4537B7ED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589009" y="549689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Gamification par syst. point</a:t>
            </a:r>
          </a:p>
        </p:txBody>
      </p:sp>
      <p:sp>
        <p:nvSpPr>
          <p:cNvPr id="166" name="OTLSHAPE_SLT_52bd7c6932a241aa9fe3d5cca2783ed2_TextPercentage" hidden="1">
            <a:extLst>
              <a:ext uri="{FF2B5EF4-FFF2-40B4-BE49-F238E27FC236}">
                <a16:creationId xmlns:a16="http://schemas.microsoft.com/office/drawing/2014/main" id="{9DEF9A9C-2CB4-8A71-396A-7A5CEF69812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39649F4-09F8-F72C-17BE-C63D5851F8F5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3143264" y="1714500"/>
            <a:ext cx="0" cy="2540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AF753442-3664-DFB6-C471-0C78D135A073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5194332" y="1714500"/>
            <a:ext cx="0" cy="2540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25370B19-8E39-8787-C64F-C0C836B671FB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7245400" y="1714500"/>
            <a:ext cx="0" cy="2540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C5A55AA4-BA4F-645B-DEF0-EE3335D7EFC0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9296467" y="1714500"/>
            <a:ext cx="0" cy="254000"/>
          </a:xfrm>
          <a:prstGeom prst="line">
            <a:avLst/>
          </a:prstGeom>
          <a:ln w="762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6361298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E5VDAwOjAwOjAwIiwiRW5kRGF0ZSI6IjIwMjQtMDktMjZ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IzNywiRyI6MTI1LCJCIjo0O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UxLCJSIjoyMSwiRyI6OTYsIkIiOjEzMH19LCJMaW5lV2VpZ2h0IjoxLjAsIkxpbmVUeXBlIjowLCJQYXJlbnRTdHlsZSI6bnVsbH0sIlZlcnRpY2FsQ29ubmVjdG9yU3R5bGUiOnsiJGlkIjoiMjkiLCJMaW5lQ29sb3IiOnsiJGlkIjoiMzAiLCIkdHlwZSI6Ik5MUkUuQ29tbW9uLkRvbS5Tb2xpZENvbG9yQnJ1c2gsIE5MUkUuQ29tbW9uIiwiQ29sb3IiOnsiJGlkIjoiMzE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xLCJHIjo5NiwiQiI6MTMwfX0sIklzVmlzaWJsZSI6dHJ1ZSwiV2lkdGgiOjAuMCwiSGVpZ2h0IjoxMC4wLCJCb3JkZXJTdHlsZSI6eyIkaWQiOiIzNyIsIkxpbmVDb2xvciI6eyIkaWQiOiIzOCIsIiR0eXBlIjoiTkxSRS5Db21tb24uRG9tLlNvbGlkQ29sb3JCcnVzaCwgTkxSRS5Db21tb24iLCJDb2xvciI6eyIkaWQiOiIzOSIsIkEiOjI1NSwiUiI6MjM0LCJHIjoyMiwiQiI6Mz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mZhbHNlLCJEYXRlRm9ybWF0Ijp7IiRyZWYiOiI1OCJ9LCJXZWVrTnVtYmVyaW5nIjp7IiRpZCI6IjYwIiwiRm9ybWF0IjowLCJJc1Zpc2libGUiOmZhbHNlLCJMYXN0S25vd25WaXNpYmlsaXR5U3RhdGUiOmZhbHNlfSwiSWQiOiJjMmIzOTE5OS03ZDY4LTQ5YmMtOGYyMy0wNDhjMGI3Mzg1NmQiLCJJbXBvcnRJZCI6bnVsbCwiVGl0bGUiOiJCcmFpblN0b3JtaW5n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NC0wOS0yNlQwMDowMDowMCIsIkVuZERhdGUiOiIyMDI0LTEwLTAzVDIzOjU5OjAwIiwiUGVyY2VudGFnZUNvbXBsZXRlIjpudWxsLCJTdHlsZSI6eyIkaWQiOiI2NSIsIlNoYXBlIjox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jU1LCJSIjoyMzcsIkciOjEyNSwiQiI6NDl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AsIkciOjAsIkIiOjB9fSwiTGluZVdlaWdodCI6MC4wLCJMaW5lVHlwZSI6MCwiUGFyZW50U3R5bGUiOm51bGx9LCJWZXJ0aWNhbENvbm5lY3RvclN0eWxlIjp7IiRpZCI6Ijg3IiwiTGluZUNvbG9yIjp7IiRpZCI6Ijg4IiwiJHR5cGUiOiJOTFJFLkNvbW1vbi5Eb20uU29saWRDb2xvckJydXNoLCBOTFJFLkNvbW1vbiIsIkNvbG9yIjp7IiRpZCI6Ijg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5MCIsIk1hcmdpbiI6eyIkaWQiOiI5MSIsIlRvcCI6MC4wLCJMZWZ0Ijo0LjAsIlJpZ2h0Ijo0LjAsIkJvdHRvbSI6MC4wfSwiUGFkZGluZyI6eyIkaWQiOiI5MiIsIlRvcCI6MC4wLCJMZWZ0IjowLjAsIlJpZ2h0IjowLjAsIkJvdHRvbSI6MC4wfSwiQmFja2dyb3VuZCI6eyIkaWQiOiI5MyIsIkNvbG9yIjp7IiRpZCI6Ijk0IiwiQSI6MjU1LCJSIjoyMSwiRyI6OTYsIkIiOjEzMH19LCJJc1Zpc2libGUiOnRydWUsIldpZHRoIjowLjAsIkhlaWdodCI6MTA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NhbGlicmkiLCJJc0JvbGQiOmZhbHNlLCJJc0l0YWxpYyI6ZmFsc2UsIklzVW5kZXJsaW5lZCI6ZmFsc2UsIlBhcmVudFN0eWxlIjpudWxsfSwiQXV0b1NpemUiOjAsIkZvcmVncm91bmQiOnsiJGlkIjoiMTAwIiwiQ29sb3IiOnsiJGlkIjoiMTA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GlkIjoiMTA1IiwiQSI6MCwiUiI6MjU1LCJHIjoyNTUsIkIiOjI1NX19LCJJc1Zpc2libGUiOnRydWUsIldpZHRoIjowLjAsIkhlaWdodCI6MC4wLCJCb3JkZXJTdHlsZSI6eyIkaWQiOiIxMDYiLCJMaW5lQ29sb3IiOm51bGwsIkxpbmVXZWlnaHQiOjAuMCwiTGluZVR5cGUiOjAsIlBhcmVudFN0eWxlIjpudWxsfS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ODksIlIiOjAsIkciOjAsIkIiOjB9fSwiSXNWaXNpYmxlIjp0cnVlLCJXaWR0aCI6MC4wLCJIZWlnaHQiOjAuMCwiQm9yZGVyU3R5bGUiOnsiJGlkIjoiMTMyIiwiTGluZUNvbG9yIjpudWxsLCJMaW5lV2VpZ2h0IjowLjAsIkxpbmVUeXBlIjowLCJQYXJlbnRTdHlsZSI6bnVsbH0sIlBhcmVudFN0eWxlIjpudWxsfSwiRHVyYXRpb25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aWQiOiIxNDAiLCJBIjoyNTUsIlIiOjIzNywiRyI6MTI1LCJCIjo0OX1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pZCI6IjE0MyIsIiR0eXBlIjoiTkxSRS5Db21tb24uRG9tLlNvbGlkQ29sb3JCcnVzaCwgTkxSRS5Db21tb24iLCJDb2xvciI6eyIkaWQiOiIxNDQiLCJBIjoyNTUsIlIiOjAsIkciOjAsIkIiOjB9fSwiTGluZVdlaWdodCI6MC4wLCJMaW5lVHlwZSI6MCwiUGFyZW50U3R5bGUiOm51bGx9LCJWZXJ0aWNhbENvbm5lY3RvclN0eWxlIjp7IiRpZCI6IjE0NSIsIkxpbmVDb2xvciI6eyIkaWQiOiIxNDYiLCIkdHlwZSI6Ik5MUkUuQ29tbW9uLkRvbS5Tb2xpZENvbG9yQnJ1c2gsIE5MUkUuQ29tbW9uIiwiQ29sb3IiOnsiJGlkIjoiMTQ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IiLCJUb3AiOjAuMCwiTGVmdCI6MC4wLCJSaWdodCI6MC4wLCJCb3R0b20iOjAuMH0sIlBhZGRpbmciOnsiJGlkIjoiMjQzIiwiVG9wIjowLjAsIkxlZnQiOjAuMCwiUmlnaHQiOjAuMCwiQm90dG9tIjowLjB9LCJCYWNrZ3JvdW5kIjp7IiRpZCI6IjI0NCIsIkNvbG9yIjp7IiRpZCI6IjI0NSIsIkEiOjg5LCJSIjowLCJHIjowLCJCIjowfX0sIklzVmlzaWJsZSI6dHJ1ZSwiV2lkdGgiOjAuMCwiSGVpZ2h0IjowLjAsIkJvcmRlclN0eWxlIjp7IiRpZCI6IjI0NiIsIkxpbmVDb2xvciI6bnVsbCwiTGluZVdlaWdodCI6MC4wLCJMaW5lVHlwZSI6MCwiUGFyZW50U3R5bGUiOm51bGx9LCJQYXJlbnRTdHlsZSI6bnVsbH0sIkR1cmF0aW9u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jU1LCJSIjoxNCwiRyI6NDAsIkIiOjY1fX0sIklzVmlzaWJsZSI6dHJ1ZSwiV2lkdGgiOjAuMCwiSGVpZ2h0Ijow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SIsIkZvcm1hdCI6MCwiSXNWaXNpYmxlIjpmYWxzZSwiTGFzdEtub3duVmlzaWJpbGl0eVN0YXRlIjpmYWxzZX0sIklzVmlzaWJsZSI6dHJ1ZSwiUGFyZW50U3R5bGUiOm51bGwsIl9leHBsaWNpdGx5U2V0Ijp7IiRpZCI6IjI5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m51bGx9LCJUaXRsZVN0eWxlIjp7IiRpZCI6IjMwNSIsIkZvbnRTZXR0aW5ncyI6eyIkaWQiOiIzMDYiLCJGb250U2l6ZSI6MTEsIkZvbnROYW1lIjoiQ2FsaWJyaSIsIklzQm9sZCI6ZmFsc2UsIklzSXRhbGljIjpmYWxzZSwiSXNVbmRlcmxpbmVkIjpmYWxzZSwiUGFyZW50U3R5bGUiOm51bGx9LCJBdXRvU2l6ZSI6MCwiRm9yZWdyb3VuZCI6eyIkaWQiOiIzMDciLCJDb2xvciI6eyIkaWQiOiIzMD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yNTUsIlIiOjE0LCJHIjo0MCwiQiI6NjV9fSwiSXNWaXNpYmxlIjp0cnVlLCJXaWR0aCI6MC4wLCJIZWlnaHQiOjAuMCwiQm9yZGVyU3R5bGUiOnsiJGlkIjoiMzUxIiwiTGluZUNvbG9yIjpudWxsLCJMaW5lV2VpZ2h0IjowLjAsIkxpbmVUeXBlIjowLCJQYXJlbnRTdHlsZSI6bnVsbH0sIlBhcmVudFN0eWxlIjpudWxsfSwiRGF0ZUZvcm1hdCI6eyIkaWQiOiIz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X0seyIkaWQiOiIzODgiLCJfYWN0aXZpdGllcyI6W3siJGlkIjoiMzg5IiwiX3Jvd3MiOlt7IiRpZCI6IjM5MCIsIl90YXNrcyI6W3siJGlkIjoiMzkxIiwiX2F0dGFjaGVkTWlsZXN0b25lcyI6W10sIlRhc2tEZWZpbml0aW9uIjp7IiRpZCI6IjM5MiIsIkdyb3VwTmFtZSI6bnVsbCwiU3RhcnREYXRlIjoiMjAyNC0wOS0zMFQwMDowMDowMFoiLCJFbmREYXRlIjoiMjAyNC0xMC0wNFQyMzo1OTowMCIsIlBlcmNlbnRhZ2VDb21wbGV0ZSI6bnVsbCwiU3R5bGUiOnsiJGlkIjoiMzkzIiwiU2hhcGUiOjE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aWQiOiIzOTYiLCJDb2xvciI6eyIkaWQiOiIzO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4OSwiUiI6MCwiRyI6MCwiQiI6MH19LCJJc1Zpc2libGUiOnRydWUsIldpZHRoIjowLjAsIkhlaWdodCI6MC4wLCJCb3JkZXJTdHlsZSI6eyIkaWQiOiI0MDIiLCJMaW5lQ29sb3IiOm51bGwsIkxpbmVXZWlnaHQiOjAuMCwiTGluZVR5cGUiOjAsIlBhcmVudFN0eWxlIjpudWxsfSwiUGFyZW50U3R5bGUiOm51bGx9LCJEdXJhdGlvbl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MDciLCJUb3AiOjAuMCwiTGVmdCI6MC4wLCJSaWdodCI6MC4wLCJCb3R0b20iOjAuMH0sIlBhZGRpbmciOnsiJGlkIjoiNDA4IiwiVG9wIjowLjAsIkxlZnQiOjAuMCwiUmlnaHQiOjAuMCwiQm90dG9tIjowLjB9LCJCYWNrZ3JvdW5kIjp7IiRpZCI6IjQwOSIsIkNvbG9yIjp7IiRpZCI6IjQxMCIsIkEiOjI1NSwiUiI6MjM3LCJHIjoxMjUsIkIiOjQ5fX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GlkIjoiNDEzIiwiJHR5cGUiOiJOTFJFLkNvbW1vbi5Eb20uU29saWRDb2xvckJydXNoLCBOTFJFLkNvbW1vbiIsIkNvbG9yIjp7IiRpZCI6IjQxNCIsIkEiOjI1NSwiUiI6MCwiRyI6MCwiQiI6MH19LCJMaW5lV2VpZ2h0IjowLjAsIkxpbmVUeXBlIjowLCJQYXJlbnRTdHlsZSI6bnVsbH0sIlZlcnRpY2FsQ29ubmVjdG9yU3R5bGUiOnsiJGlkIjoiNDE1IiwiTGluZUNvbG9yIjp7IiRpZCI6IjQxNiIsIiR0eXBlIjoiTkxSRS5Db21tb24uRG9tLlNvbGlkQ29sb3JCcnVzaCwgTkxSRS5Db21tb24iLCJDb2xvciI6eyIkaWQiOiI0MT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zkiLCJUb3AiOjAuMCwiTGVmdCI6MC4wLCJSaWdodCI6MC4wLCJCb3R0b20iOjAuMH0sIlBhZGRpbmciOnsiJGlkIjoiNDQwIiwiVG9wIjowLjAsIkxlZnQiOjAuMCwiUmlnaHQiOjAuMCwiQm90dG9tIjowLjB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UZvcm1hdCI6eyIkaWQiOiI0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aWQiOiI0NTkiLCJBIjo4OSwiUiI6MCwiRyI6MCwiQiI6MH1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wLCJSIjoyNTUsIkciOjI1NSwiQiI6MjU1fX0sIklzVmlzaWJsZSI6dHJ1ZSwiV2lkdGgiOjAuMCwiSGVpZ2h0IjowLjAsIkJvcmRlclN0eWxlIjp7IiRpZCI6IjU1OSIsIkxpbmVDb2xvciI6bnVsbCwiTGluZVdlaWdodCI6MC4wLCJMaW5lVHlwZSI6MCwiUGFyZW50U3R5bGUiOm51bGx9LCJQYXJlbnRTdHlsZSI6bnVsbH0sIkRhdGVGb3JtYXQiOnsiJGlkIjoiN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U3MiIsIlRvcCI6MC4wLCJMZWZ0IjowLjAsIlJpZ2h0IjowLjAsIkJvdHRvbSI6MC4wfSwiUGFkZGluZyI6eyIkaWQiOiI1NzMiLCJUb3AiOjAuMCwiTGVmdCI6MC4wLCJSaWdodCI6MC4wLCJCb3R0b20iOjAuMH0sIkJhY2tncm91bmQiOnsiJGlkIjoiNTc0IiwiQ29sb3IiOnsiJGlkIjoiNTc1IiwiQSI6ODksIlIiOjAsIkciOjAsIkIiOjB9fSwiSXNWaXNpYmxlIjp0cnVlLCJXaWR0aCI6MC4wLCJIZWlnaHQiOjAuMCwiQm9yZGVyU3R5bGUiOnsiJGlkIjoiNTc2IiwiTGluZUNvbG9yIjpudWxsLCJMaW5lV2VpZ2h0IjowLjAsIkxpbmVUeXBlIjowLCJQYXJlbnRTdHlsZSI6bnVsbH0sIlBhcmVudFN0eWxlIjpudWxsfSwiRHVyYXRpb25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DQiLCJUb3AiOjAuMCwiTGVmdCI6MC4wLCJSaWdodCI6MC4wLCJCb3R0b20iOjAuMH0sIlBhZGRpbmciOnsiJGlkIjoiNjA1IiwiVG9wIjowLjAsIkxlZnQiOjAuMCwiUmlnaHQiOjAuMCwiQm90dG9tIjowLjB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aWQiOiI2Nz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wLCJSIjoyNTUsIkciOjI1NSwiQiI6MjU1fX0sIklzVmlzaWJsZSI6dHJ1ZSwiV2lkdGgiOjAuMCwiSGVpZ2h0IjowLjAsIkJvcmRlclN0eWxlIjp7IiRpZCI6IjY3NSIsIkxpbmVDb2xvciI6bnVsbCwiTGluZVdlaWdodCI6MC4wLCJMaW5lVHlwZSI6MCwiUGFyZW50U3R5bGUiOm51bGx9LCJQYXJlbnRTdHlsZSI6bnVsbH0sIkRhdGVGb3JtYXQiOnsiJGlkIjoiN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yNTUsIlIiOjI1NSwiRyI6MjU1LCJCIjoyNTV9fSwiSXNWaXNpYmxlIjp0cnVlLCJXaWR0aCI6MC4wLCJIZWlnaHQiOjAuMCwiQm9yZGVyU3R5bGUiOm51bGwsIlBhcmVudFN0eWxlIjpudWxsfSwiUmVjdGFuZ2xl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aWQiOiI3ODgiLCJBIjoyNTUsIlIiOjE0LCJHIjo0MCwiQiI6NjV9fSwiSXNWaXNpYmxlIjp0cnVlLCJXaWR0aCI6MC4wLCJIZWlnaHQiOjAuMCwiQm9yZGVyU3R5bGUiOnsiJGlkIjoiNzg5IiwiTGluZUNvbG9yIjpudWxsLCJMaW5lV2VpZ2h0IjowLjAsIkxpbmVUeXBlIjowLCJQYXJlbnRTdHlsZSI6bnVsbH0sIlBhcmVudFN0eWxlIjpudWxsfSwiRGF0ZUZvcm1hdCI6eyIkaWQiOiI3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xIiwiRm9ybWF0IjowLCJJc1Zpc2libGUiOmZhbHNlLCJMYXN0S25vd25WaXNpYmlsaXR5U3RhdGUiOmZhbHNlfSwiSXNWaXNpYmxlIjp0cnVlLCJQYXJlbnRTdHlsZSI6bnVsbCwiX2V4cGxpY2l0bHlTZXQiOnsiJGlkIjoiNzky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g0MCIsIlRvcCI6MC4wLCJMZWZ0IjowLjAsIlJpZ2h0IjowLjAsIkJvdHRvbSI6MC4wfSwiUGFkZGluZyI6eyIkaWQiOiI4NDEiLCJUb3AiOjAuMCwiTGVmdCI6MC4wLCJSaWdodCI6MC4wLCJCb3R0b20iOjAuMH0sIkJhY2tncm91bmQiOnsiJGlkIjoiODQyIiwiQ29sb3IiOnsiJGlkIjoiODQzIiwiQSI6MjU1LCJSIjowLCJHIjowLCJCIjowfX0sIklzVmlzaWJsZSI6dHJ1ZSwiV2lkdGgiOjAuMCwiSGVpZ2h0IjowLjAsIkJvcmRlclN0eWxlIjp7IiRpZCI6Ijg0NCIsIkxpbmVDb2xvciI6bnVsbCwiTGluZVdlaWdodCI6MC4wLCJMaW5lVHlwZSI6MCwiUGFyZW50U3R5bGUiOm51bGx9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MyIiwiVG9wIjowLjAsIkxlZnQiOjAuMCwiUmlnaHQiOjAuMCwiQm90dG9tIjowLjB9LCJQYWRkaW5nIjp7IiRpZCI6IjkzMyIsIlRvcCI6MC4wLCJMZWZ0IjowLjAsIlJpZ2h0IjowLjAsIkJvdHRvbSI6MC4wfSwiQmFja2dyb3VuZCI6eyIkaWQiOiI5MzQiLCJDb2xvciI6eyIkaWQiOiI5MzUiLCJBIjowLCJSIjoyNTUsIkciOjI1NSwiQiI6MjU1fX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OTU4IiwiVG9wIjowLjAsIkxlZnQiOjAuMCwiUmlnaHQiOjAuMCwiQm90dG9tIjowLjB9LCJQYWRkaW5nIjp7IiRpZCI6Ijk1OSIsIlRvcCI6MC4wLCJMZWZ0IjowLjAsIlJpZ2h0IjowLjAsIkJvdHRvbSI6MC4wfSwiQmFja2dyb3VuZCI6eyIkaWQiOiI5NjAiLCJDb2xvciI6eyIkaWQiOiI5NjEiLCJBIjo4OSwiUiI6MCwiRyI6MCwiQiI6MH19LCJJc1Zpc2libGUiOnRydWUsIldpZHRoIjowLjAsIkhlaWdodCI6MC4wLCJCb3JkZXJTdHlsZSI6eyIkaWQiOiI5NjIiLCJMaW5lQ29sb3IiOm51bGwsIkxpbmVXZWlnaHQiOjAuMCwiTGluZVR5cGUiOjAsIlBhcmVudFN0eWxlIjpudWxsfSwiUGFyZW50U3R5bGUiOm51bGx9LCJEdXJhdGlvbl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wLCJSIjoyNTUsIkciOjI1NSwiQiI6MjU1fX0sIklzVmlzaWJsZSI6dHJ1ZSwiV2lkdGgiOjAuMCwiSGVpZ2h0IjowLjAsIkJvcmRlclN0eWxlIjp7IiRpZCI6IjEwMDMiLCJMaW5lQ29sb3IiOm51bGwsIkxpbmVXZWlnaHQiOjAuMCwiTGluZVR5cGUiOjAsIlBhcmVudFN0eWxlIjpudWxsfSwiUGFyZW50U3R5bGUiOm51bGx9LCJEYXRlRm9ybWF0Ijp7IiRpZCI6IjEw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VN0eWxlIjp7IiRpZCI6IjEwNTMiLCJGb250U2V0dGluZ3MiOnsiJGlkIjoiMTA1NCIsIkZvbnRTaXplIjoxMCwiRm9udE5hbWUiOiJDYWxpYnJpIiwiSXNCb2xkIjpmYWxzZSwiSXNJdGFsaWMiOmZhbHNlLCJJc1VuZGVybGluZWQiOmZhbHNlLCJQYXJlbnRTdHlsZSI6bnVsbH0sIkF1dG9TaXplIjowLCJGb3JlZ3JvdW5kIjp7IiRpZCI6IjEwNTUiLCJDb2xvciI6eyIkaWQiOiIxMDU2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AsIlIiOjI1NSwiRyI6MjU1LCJCIjoyNTV9fSwiSXNWaXNpYmxlIjp0cnVlLCJXaWR0aCI6MC4wLCJIZWlnaHQiOjAuMCwiQm9yZGVyU3R5bGUiOnsiJGlkIjoiMTA2MSIsIkxpbmVDb2xvciI6bnVsbCwiTGluZVdlaWdodCI6MC4wLCJMaW5lVHlwZSI6MCwiUGFyZW50U3R5bGUiOm51bGx9LCJQYXJlbnRTdHlsZSI6bnVsbH0sIkRhdGVGb3JtYXQiOnsiJGlkIjoiMTA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Dk0IiwiTWFyZ2luIjp7IiRpZCI6IjEwOTUiLCJUb3AiOjAuMCwiTGVmdCI6NC4wLCJSaWdodCI6NC4wLCJCb3R0b20iOjAuMH0sIlBhZGRpbmciOnsiJGlkIjoiMTA5NiIsIlRvcCI6MC4wLCJMZWZ0IjowLjAsIlJpZ2h0IjowLjAsIkJvdHRvbSI6MC4wfSwiQmFja2dyb3VuZCI6eyIkaWQiOiIxMDk3IiwiQ29sb3IiOnsiJGlkIjoiMTA5OCIsIkEiOjI1NSwiUiI6MjMzLCJHIjoxMTMsIkIiOjUwfX0sIklzVmlzaWJsZSI6dHJ1ZSwiV2lkdGgiOjA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eyIkaWQiOiIxMTEwIiwiTGluZUNvbG9yIjpudWxsLCJMaW5lV2VpZ2h0IjowLjAsIkxpbmVUeXBlIjowLCJQYXJlbnRTdHlsZSI6bnVsbH0sIlBhcmVudFN0eWxlIjpudWxsfSwiRGF0ZVN0eWxlIjp7IiRpZCI6IjExMTEiLCJGb250U2V0dGluZ3MiOnsiJGlkIjoiMTExMiIsIkZvbnRTaXplIjoxMCwiRm9udE5hbWUiOiJDYWxpYnJpIiwiSXNCb2xkIjpmYWxzZSwiSXNJdGFsaWMiOmZhbHNlLCJJc1VuZGVybGluZWQiOmZhbHNlLCJQYXJlbnRTdHlsZSI6bnVsbH0sIkF1dG9TaXplIjowLCJGb3JlZ3JvdW5kIjp7IiRpZCI6IjExMTMiLCJDb2xvciI6eyIkaWQiOiIxMTE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wLCJSIjoyNTUsIkciOjI1NSwiQiI6MjU1fX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aWQiOiIxMzUwIiwiQSI6MCwiUiI6MjU1LCJHIjoyNTUsIkIiOjI1NX19LCJJc1Zpc2libGUiOnRydWUsIldpZHRoIjowLjAsIkhlaWdodCI6MC4wLCJCb3JkZXJTdHlsZSI6eyIkaWQiOiIxMzUxIiwiTGluZUNvbG9yIjpudWxsLCJMaW5lV2VpZ2h0IjowLjAsIkxpbmVUeXBlIjowLCJQYXJlbnRTdHlsZSI6bnVsbH0sIlBhcmVudFN0eWxlIjpudWxsfSwiRGF0ZUZvcm1hdCI6eyIkaWQiOiIxMz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NyIsIkZvcm1hdCI6MCwiSXNWaXNpYmxlIjpmYWxzZSwiTGFzdEtub3duVmlzaWJpbGl0eVN0YXRlIjpmYWxzZX0sIklzVmlzaWJsZSI6dHJ1ZSwiUGFyZW50U3R5bGUiOm51bGwsIl9leHBsaWNpdGx5U2V0Ijp7IiRpZCI6IjE0Njg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TciLCJGb3JtYXQiOjAsIklzVmlzaWJsZSI6ZmFsc2UsIkxhc3RLbm93blZpc2liaWxpdHlTdGF0ZSI6ZmFsc2V9LCJJc1Zpc2libGUiOnRydWUsIlBhcmVudFN0eWxlIjpudWxsLCJfZXhwbGljaXRseVNldCI6eyIkaWQiOiIxNzk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NSIsIkZvcm1hdCI6MCwiSXNWaXNpYmxlIjpmYWxzZSwiTGFzdEtub3duVmlzaWJpbGl0eVN0YXRlIjpmYWxzZX0sIklzVmlzaWJsZSI6dHJ1ZSwiUGFyZW50U3R5bGUiOm51bGwsIl9leHBsaWNpdGx5U2V0Ijp7IiRpZCI6IjE5M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0IiwiRm9ybWF0IjowLCJJc1Zpc2libGUiOmZhbHNlLCJMYXN0S25vd25WaXNpYmlsaXR5U3RhdGUiOmZhbHNlfSwiSXNWaXNpYmxlIjp0cnVlLCJQYXJlbnRTdHlsZSI6bnVsbCwiX2V4cGxpY2l0bHlTZXQiOnsiJGlkIjoiMjA4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YzIiwiRm9ybWF0IjowLCJJc1Zpc2libGUiOmZhbHNlLCJMYXN0S25vd25WaXNpYmlsaXR5U3RhdGUiOmZhbHNlfSwiSXNWaXNpYmxlIjp0cnVlLCJQYXJlbnRTdHlsZSI6bnVsbCwiX2V4cGxpY2l0bHlTZXQiOnsiJGlkIjoiMjI2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0MiIsIkZvcm1hdCI6MCwiSXNWaXNpYmxlIjpmYWxzZSwiTGFzdEtub3duVmlzaWJpbGl0eVN0YXRlIjpmYWxzZX0sIklzVmlzaWJsZSI6dHJ1ZSwiUGFyZW50U3R5bGUiOm51bGwsIl9leHBsaWNpdGx5U2V0Ijp7IiRpZCI6IjI0ND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MsXCJHXCI6MTEzLFwiQlwiOjUw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IsXCJHXCI6MjMyLFwiQlwiOjIzMn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MTQsXCJHXCI6NDAsXCJCXCI6NjV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M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1MSxcIlJcIjoyMSxcIkdcIjo5NixcIkJcIjoxMzB9fSxcIkxpbmVXZWlnaHRcIjoxLjAsXCJMaW5lVHlwZVwiOjB9LFwiSXNWaXNpYmxlXCI6dHJ1ZX0sXCJWZXJ0aWNhbENvbm5lY3RvclN0eWxlXCI6e1wiJGlkXCI6XCI2MFwiLFwiTGluZVN0eWxlXCI6e1wiJGlkXCI6XCI2MVwiLFwiTGluZUNvbG9yXCI6e1wiJGlkXCI6XCI2MlwiLFwiQ29sb3JcIjp7XCIkaWRcIjpcIjYzXCIsXCJBXCI6NTEsXCJSXCI6MjEsXCJHXCI6OTYsXCJCXCI6MTMwfX0sXCJMaW5lV2VpZ2h0XCI6MS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EsXCJHXCI6OTYsXCJCXCI6MTMw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E0LFwiR1wiOjQwLFwiQlwiOjY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zLFwiR1wiOjExMyxcIkJcIjo1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NCxcIkdcIjo0MCxcIkJcIjo2N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MyxcIkdcIjoxMTMsXCJCXCI6NT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I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QsXCJHXCI6NDAsXCJCXCI6NjV9fSxcIkhvcml6b250YWxBbGlnbm1lbnRcIjow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MzMmNmYjEzLWI0MDEtNGVjMy1iNjU1LTczOTY4ZDA0ZDc0OVwiLFwiTmFtZVwiOlwiU3dpbWxhbmUgU3R5bGUgMVwiLFwiSGVhZGVyU3R5bGVcIjp7XCIkaWRcIjpcIjEyN1wiLFwiVGV4dFN0eWxlXCI6e1wiJGlkXCI6XCIxMjhcIixcIkZvbnRTZXR0aW5nc1wiOntcIiRpZFwiOlwiMTI5XCIsXCJGb250U2l6ZVwiOjEx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xLFwiR1wiOjk2LFwiQlwiOjEzMH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AwLFwiR1wiOjIwMCxcIkJcIjoyMD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yLjAsXCJMaW5lVHlwZVwiOjB9LFwiSXNWaXNpYmxlXCI6ZmFsc2V9fSxcIklzQWJvdmVUaW1lYmFuZFwiOmZhbHNlLFwiU3BhY2luZ1wiOjM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xLFwiR1wiOjk2LFwiQlwiOjEz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MDAsXCJHXCI6MjAwLFwiQlwiOjIw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IuMCxcIkxpbmVUeXBlXCI6MH0sXCJJc1Zpc2libGVcIjpmYWxzZX19fSxcIkRlZmF1bHRTd2ltbGFuZU1pbGVzdG9uZVN0eWxlXCI6e1wiJGlkXCI6XCIxNzRcIixcIlRpdGxlUG9zaXRpb25cIjowLFwiRGF0ZVBvc2l0aW9uXCI6MixcIlNoYXBlVHlwZVwiOjE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QsXCJHXCI6NDAsXCJCXCI6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EsXCJHXCI6OTYsXCJCXCI6MT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E0LFwiR1wiOjQwLFwiQlwiOjY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sXCJHXCI6NDgsXCJCXCI6NjV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NCxcIkdcIjo0MCxcIkJcIjo2N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yMzMsXCJHXCI6MTEzLFwiQlwiOjUwfX0sXCJJc1Zpc2libGVcIjp0cnV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DAsXCJHXCI6MjAwLFwiQlwiOjIw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IuMCxcIkxpbmVUeXBlXCI6MH0sXCJJc1Zpc2libGVcIjpmYWxzZX19LFwiSXNBYm92ZVRpbWViYW5kXCI6ZmFsc2UsXCJTcGFjaW5nXCI6My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zLFwiR1wiOjExMyxcIkJcIjo1MH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zMsXCJHXCI6MTEzLFwiQlwiOjUw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ixcIklzVmlzaWJsZVwiOnRydW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xNCxcIkdcIjo0MCxcIkJcIjo2NX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IsXCJHXCI6MjMyLFwiQlwiOjIzMn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MzMsXCJHXCI6MTEzLFwiQlwiOjU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0LFwiR1wiOjQwLFwiQlwiOjY1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AuMCxcIlBhZGRpbmdcIjp7XCIkaWRcIjpcIjM0OFwiLFwiVG9wXCI6NS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I4LFwiR1wiOjUzLFwiQlwiOjE0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E0LFwiR1wiOjQwLFwiQlwiOjY1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LFwiR1wiOjEwNyxcIkJcIjozNn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AwLFwiR1wiOjIwMCxcIkJcIjoyMDB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yLjAsXCJMaW5lVHlwZVwiOjB9LFwiSXNWaXNpYmxlXCI6ZmFsc2V9fSxcIklzQWJvdmVUaW1lYmFuZFwiOmZhbHNlLFwiU3BhY2luZ1wiOjM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1LFwiR1wiOjEwNyxcIkJcIjozNn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x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yNSxcIkdcIjoxMDcsXCJCXCI6MzZ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mYWxz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0LFwiR1wiOjQwLFwiQlwiOjY1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MixcIkdcIjoyMzIsXCJCXCI6MjMyfX0sXCJIb3Jpem9udGFsQWxpZ25tZW50XCI6MSxcIklzVmlzaWJsZVwiOnRydW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1LFwiR1wiOjEwNy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xNCxcIkdcIjo0MCxcIkJcIjo2NX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EzLFwiR1wiOjUzLFwiQlwiOjE4fX0sXCJJc1Zpc2libGVcIjp0cnVlLFwiV2lkdGhcIjoxMi4wLFwiSGVpZ2h0XCI6MTQuMCxcIkJvcmRlclN0eWxlXCI6e1wiJGlkXCI6XCI0NzVcIixcIkxpbmVTdHlsZVwiOntcIiRpZFwiOlwiNDc2XCIsXCJMaW5lQ29sb3JcIjp7XCIkaWRcIjpcIjQ3N1wiLFwiQ29sb3JcIjp7XCIkaWRcIjpcIjQ3OFwiLFwiQVwiOjI1NSxcIlJcIjoyNTUsXCJHXCI6MjU1LFwiQlwiOjI1NX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E0LFwiR1wiOjQwLFwiQlwiOjY1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A3MDJkZWE4LWMxMTQtNGQ3MS1iZTQwLWNkMzA2MmM0Njk3MFwiLFwiTmFtZVwiOlwiU3dpbWxhbmUgU3R5bGUgNFwiLFwiSGVhZGVyU3R5bGVcIjp7XCIkaWRcIjpcIjQ5MFwiLFwiVGV4dFN0eWxlXCI6e1wiJGlkXCI6XCI0OTFcIixcIkZvbnRTZXR0aW5nc1wiOntcIiRpZFwiOlwiNDkyXCIsXCJGb250U2l6ZVwiOjExLFwiRm9udE5hbWVcIjpcIkNhbGlicml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1LFwiR1wiOjE1OCxcIkJcIjoyMTN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z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UsXCJHXCI6MTU4LFwiQlwiOjIxM3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DAsXCJHXCI6MjAwLFwiQlwiOjIwMH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IuMCxcIkxpbmVUeXBlXCI6MH0sXCJJc1Zpc2libGVcIjpmYWxzZX19fSxcIkRlZmF1bHRTd2ltbGFuZU1pbGVzdG9uZVN0eWxlXCI6e1wiJGlkXCI6XCI1MzdcIixcIlRpdGxlUG9zaXRpb25cIjowLFwiRGF0ZVBvc2l0aW9uXCI6MixcIlNoYXBlVHlwZVwiOjE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E1LFwiR1wiOjE1OCxcIkJcIjoyMTN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MixcIkdcIjoyMzIsXCJCXCI6MjMyfX0sXCJIb3Jpem9udGFsQWxpZ25tZW50XCI6MSxcIklzVmlzaWJsZVwiOnRydW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1LFwiR1wiOjE1OCxcIkJcIjoyMTN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mZhbHN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xMCxcIkZvbnROYW1lXCI6XCJDYWxpYnJpXCIsXCJJc0JvbGRcIjpmYWxzZSxcIklzSXRhbGljXCI6ZmFsc2UsXCJJc1VuZGVybGluZWRcIjpmYWxzZX0sXCJGb3JlZ3JvdW5kXCI6e1wiJGlkXCI6XCI1ODVcIixcIkNvbG9yXCI6e1wiJGlkXCI6XCI1ODZcIixcIkFcIjoyNTUsXCJSXCI6MTQsXCJHXCI6NDAsXCJCXCI6NjV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LFwiU2hhcGVTaXplXCI6MC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xMSxcIkdcIjoxMTgsXCJCXCI6MTU5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MTQsXCJHXCI6NDAsXCJCXCI6NjV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xLFwiR1wiOjE1NSxcIkJcIjoyMTN9fSxcIkxpbmVXZWlnaHRcIjoxLjAsXCJMaW5lVHlwZVwiOjB9LFwiSXNWaXNpYmxlXCI6dHJ1ZX0sXCJBY3Rpdml0eUxpbmVQYW5lbFN0eWxlXCI6e1wiJGlkXCI6XCI2MTRcIixcIkFjdGl2aXR5TGluZVN0eWxlXCI6e1wiJGlkXCI6XCI2MTVcIixcIkxpbmVDb2xvclwiOntcIiRpZFwiOlwiNjE2XCIsXCJDb2xvclwiOntcIiRpZFwiOlwiNjE3XCIsXCJBXCI6MzgsXCJSXCI6NjgsXCJHXCI6MTE0LFwiQlwiOjE5Nn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ZmFsc2UsXCJSYWRpdXNcIjozLjB9LFwiQ3JpdGljYWxQYXRoU3R5bGVcIjp7XCIkaWRcIjpcIjYyM1wiLFwiQ3JpdGljYWxQYXRoU3R5bGVPcHRpb25zXCI6MzA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zQsXCJHXCI6MjIsXCJCXCI6MzB9fSxcIkxpbmVXZWlnaHRcIjoyLjAsXCJMaW5lVHlwZVwiOjB9fSxcIlBhbmVsc1NwYWNpbmdEZWZpbml0aW9uXCI6e1wiJGlkXCI6XCI2MzRcIixcIlNwYWNpbmdBYm92ZVRpbWViYW5kXCI6MyxcIlNwYWNpbmdCZWxvd1RpbWViYW5kXCI6My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TUxIiwiVXNlVGltZSI6ZmFsc2UsIldvcmtEYXlTdGFydCI6IjAwOjAwOjAwIiwiV29ya0RheUVuZCI6IjIzOjU5OjAwIn0sIkxhc3RVc2VkVGVtcGxhdGVJZCI6IjAwMDAwMDAwLTAwMDAtMDAwMC0wMDAwLTAwMDAwMDAwMDAwMCIsIkxhc3RVc2VkVGhlbWVEZXRhaWxzIjp7IiRpZCI6IjI1NTIiLCJJZCI6IjA0ODcxNWIwLWQ1NzgtNGMyZi1hMzI2LTg4MThiZTI0NzI0OSIsIlRpdGxlIjoiQmFzZWxpbmUiLCJDYXRlZ29yeSI6MX0sIkZpcnN0V2Vla09mWWVhciI6MCwiUGxhY2VNaWxlc3RvbmVBdFRoZUJlZ2lubmluZ09mVGhlRGF5IjpmYWxzZSwiRGVwZW5kZW5jeVNjaGVkdWxpbmdTZXR0aW5ncyI6eyIkaWQiOiIyNTU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0-20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9T00:00:00.0000000"/>
  <p:tag name="OTLENDDATE" val="2024-09-26T23:59:00.0000000"/>
  <p:tag name="OTLDURATIONFORMAT" val="day"/>
  <p:tag name="OTLSPACING" val="3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26T00:00:00.0000000"/>
  <p:tag name="OTLENDDATE" val="2024-10-03T23:59:00.0000000"/>
  <p:tag name="OTLDURATIONFORMAT" val="day"/>
  <p:tag name="OTLSPACING" val="3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3T00:00:00.0000000"/>
  <p:tag name="OTLENDDATE" val="2024-10-04T23:59:00.0000000"/>
  <p:tag name="OTLDURATIONFORMAT" val="day"/>
  <p:tag name="OTLSPACING" val="3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30T00:00:00.0000000Z"/>
  <p:tag name="OTLENDDATE" val="2024-10-04T23:59:00.0000000"/>
  <p:tag name="OTLDURATIONFORMAT" val="day"/>
  <p:tag name="OTLSPACING" val="3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2T00:00:00.0000000Z"/>
  <p:tag name="OTLENDDATE" val="2024-10-08T23:59:00.0000000"/>
  <p:tag name="OTLDURATIONFORMAT" val="day"/>
  <p:tag name="OTLSPACING" val="3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4T00:00:00.0000000Z"/>
  <p:tag name="OTLENDDATE" val="2024-10-10T23:59:00.0000000Z"/>
  <p:tag name="OTLDURATIONFORMAT" val="day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4T00:00:00.0000000Z"/>
  <p:tag name="OTLENDDATE" val="2024-10-15T23:59:00.0000000Z"/>
  <p:tag name="OTLDURATIONFORMAT" val="day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15T00:00:00.0000000Z"/>
  <p:tag name="OTLENDDATE" val="2024-10-20T23:59:00.0000000Z"/>
  <p:tag name="OTLDURATIONFORMAT" val="day"/>
  <p:tag name="OTLSPACING" val="3"/>
  <p:tag name="OTLSHAPETHI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7T00:00:00.0000000"/>
  <p:tag name="OTLENDDATE" val="2024-10-07T23:59:00.0000000"/>
  <p:tag name="OTLDURATIONFORMAT" val="day"/>
  <p:tag name="OTLSPACING" val="3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93</TotalTime>
  <Words>140</Words>
  <Application>Microsoft Office PowerPoint</Application>
  <PresentationFormat>Grand écran</PresentationFormat>
  <Paragraphs>59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Thème Offic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Théo LEROUX</dc:creator>
  <cp:lastModifiedBy>Théo LEROUX</cp:lastModifiedBy>
  <cp:revision>2</cp:revision>
  <dcterms:created xsi:type="dcterms:W3CDTF">2024-10-04T08:24:22Z</dcterms:created>
  <dcterms:modified xsi:type="dcterms:W3CDTF">2024-10-07T11:24:01Z</dcterms:modified>
</cp:coreProperties>
</file>